
<file path=[Content_Types].xml><?xml version="1.0" encoding="utf-8"?>
<Types xmlns="http://schemas.openxmlformats.org/package/2006/content-types">
  <Default Extension="jpeg" ContentType="image/jpe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ppt/tags/tag124.xml" ContentType="application/vnd.openxmlformats-officedocument.presentationml.tags+xml"/>
  <Override PartName="/ppt/tags/tag125.xml" ContentType="application/vnd.openxmlformats-officedocument.presentationml.tags+xml"/>
  <Override PartName="/ppt/tags/tag126.xml" ContentType="application/vnd.openxmlformats-officedocument.presentationml.tags+xml"/>
  <Override PartName="/ppt/tags/tag127.xml" ContentType="application/vnd.openxmlformats-officedocument.presentationml.tags+xml"/>
  <Override PartName="/ppt/tags/tag128.xml" ContentType="application/vnd.openxmlformats-officedocument.presentationml.tags+xml"/>
  <Override PartName="/ppt/tags/tag129.xml" ContentType="application/vnd.openxmlformats-officedocument.presentationml.tags+xml"/>
  <Override PartName="/ppt/tags/tag130.xml" ContentType="application/vnd.openxmlformats-officedocument.presentationml.tags+xml"/>
  <Override PartName="/ppt/tags/tag131.xml" ContentType="application/vnd.openxmlformats-officedocument.presentationml.tags+xml"/>
  <Override PartName="/ppt/tags/tag132.xml" ContentType="application/vnd.openxmlformats-officedocument.presentationml.tags+xml"/>
  <Override PartName="/ppt/tags/tag133.xml" ContentType="application/vnd.openxmlformats-officedocument.presentationml.tags+xml"/>
  <Override PartName="/ppt/tags/tag134.xml" ContentType="application/vnd.openxmlformats-officedocument.presentationml.tags+xml"/>
  <Override PartName="/ppt/tags/tag135.xml" ContentType="application/vnd.openxmlformats-officedocument.presentationml.tags+xml"/>
  <Override PartName="/ppt/tags/tag136.xml" ContentType="application/vnd.openxmlformats-officedocument.presentationml.tags+xml"/>
  <Override PartName="/ppt/tags/tag137.xml" ContentType="application/vnd.openxmlformats-officedocument.presentationml.tags+xml"/>
  <Override PartName="/ppt/tags/tag138.xml" ContentType="application/vnd.openxmlformats-officedocument.presentationml.tags+xml"/>
  <Override PartName="/ppt/tags/tag139.xml" ContentType="application/vnd.openxmlformats-officedocument.presentationml.tags+xml"/>
  <Override PartName="/ppt/tags/tag140.xml" ContentType="application/vnd.openxmlformats-officedocument.presentationml.tags+xml"/>
  <Override PartName="/ppt/tags/tag141.xml" ContentType="application/vnd.openxmlformats-officedocument.presentationml.tags+xml"/>
  <Override PartName="/ppt/tags/tag142.xml" ContentType="application/vnd.openxmlformats-officedocument.presentationml.tags+xml"/>
  <Override PartName="/ppt/tags/tag143.xml" ContentType="application/vnd.openxmlformats-officedocument.presentationml.tags+xml"/>
  <Override PartName="/ppt/tags/tag144.xml" ContentType="application/vnd.openxmlformats-officedocument.presentationml.tags+xml"/>
  <Override PartName="/ppt/tags/tag145.xml" ContentType="application/vnd.openxmlformats-officedocument.presentationml.tags+xml"/>
  <Override PartName="/ppt/tags/tag146.xml" ContentType="application/vnd.openxmlformats-officedocument.presentationml.tags+xml"/>
  <Override PartName="/ppt/tags/tag147.xml" ContentType="application/vnd.openxmlformats-officedocument.presentationml.tags+xml"/>
  <Override PartName="/ppt/tags/tag148.xml" ContentType="application/vnd.openxmlformats-officedocument.presentationml.tags+xml"/>
  <Override PartName="/ppt/tags/tag149.xml" ContentType="application/vnd.openxmlformats-officedocument.presentationml.tags+xml"/>
  <Override PartName="/ppt/tags/tag150.xml" ContentType="application/vnd.openxmlformats-officedocument.presentationml.tags+xml"/>
  <Override PartName="/ppt/tags/tag151.xml" ContentType="application/vnd.openxmlformats-officedocument.presentationml.tags+xml"/>
  <Override PartName="/ppt/tags/tag152.xml" ContentType="application/vnd.openxmlformats-officedocument.presentationml.tags+xml"/>
  <Override PartName="/ppt/tags/tag153.xml" ContentType="application/vnd.openxmlformats-officedocument.presentationml.tags+xml"/>
  <Override PartName="/ppt/tags/tag154.xml" ContentType="application/vnd.openxmlformats-officedocument.presentationml.tags+xml"/>
  <Override PartName="/ppt/tags/tag155.xml" ContentType="application/vnd.openxmlformats-officedocument.presentationml.tags+xml"/>
  <Override PartName="/ppt/tags/tag156.xml" ContentType="application/vnd.openxmlformats-officedocument.presentationml.tags+xml"/>
  <Override PartName="/ppt/tags/tag157.xml" ContentType="application/vnd.openxmlformats-officedocument.presentationml.tags+xml"/>
  <Override PartName="/ppt/tags/tag158.xml" ContentType="application/vnd.openxmlformats-officedocument.presentationml.tags+xml"/>
  <Override PartName="/ppt/tags/tag159.xml" ContentType="application/vnd.openxmlformats-officedocument.presentationml.tags+xml"/>
  <Override PartName="/ppt/tags/tag160.xml" ContentType="application/vnd.openxmlformats-officedocument.presentationml.tags+xml"/>
  <Override PartName="/ppt/tags/tag161.xml" ContentType="application/vnd.openxmlformats-officedocument.presentationml.tags+xml"/>
  <Override PartName="/ppt/tags/tag162.xml" ContentType="application/vnd.openxmlformats-officedocument.presentationml.tags+xml"/>
  <Override PartName="/ppt/tags/tag163.xml" ContentType="application/vnd.openxmlformats-officedocument.presentationml.tags+xml"/>
  <Override PartName="/ppt/tags/tag164.xml" ContentType="application/vnd.openxmlformats-officedocument.presentationml.tags+xml"/>
  <Override PartName="/ppt/tags/tag165.xml" ContentType="application/vnd.openxmlformats-officedocument.presentationml.tags+xml"/>
  <Override PartName="/ppt/tags/tag166.xml" ContentType="application/vnd.openxmlformats-officedocument.presentationml.tags+xml"/>
  <Override PartName="/ppt/tags/tag167.xml" ContentType="application/vnd.openxmlformats-officedocument.presentationml.tags+xml"/>
  <Override PartName="/ppt/tags/tag168.xml" ContentType="application/vnd.openxmlformats-officedocument.presentationml.tags+xml"/>
  <Override PartName="/ppt/tags/tag169.xml" ContentType="application/vnd.openxmlformats-officedocument.presentationml.tags+xml"/>
  <Override PartName="/ppt/tags/tag170.xml" ContentType="application/vnd.openxmlformats-officedocument.presentationml.tags+xml"/>
  <Override PartName="/ppt/tags/tag171.xml" ContentType="application/vnd.openxmlformats-officedocument.presentationml.tags+xml"/>
  <Override PartName="/ppt/tags/tag172.xml" ContentType="application/vnd.openxmlformats-officedocument.presentationml.tags+xml"/>
  <Override PartName="/ppt/tags/tag173.xml" ContentType="application/vnd.openxmlformats-officedocument.presentationml.tags+xml"/>
  <Override PartName="/ppt/tags/tag174.xml" ContentType="application/vnd.openxmlformats-officedocument.presentationml.tags+xml"/>
  <Override PartName="/ppt/tags/tag175.xml" ContentType="application/vnd.openxmlformats-officedocument.presentationml.tags+xml"/>
  <Override PartName="/ppt/tags/tag176.xml" ContentType="application/vnd.openxmlformats-officedocument.presentationml.tags+xml"/>
  <Override PartName="/ppt/tags/tag177.xml" ContentType="application/vnd.openxmlformats-officedocument.presentationml.tags+xml"/>
  <Override PartName="/ppt/tags/tag178.xml" ContentType="application/vnd.openxmlformats-officedocument.presentationml.tags+xml"/>
  <Override PartName="/ppt/tags/tag179.xml" ContentType="application/vnd.openxmlformats-officedocument.presentationml.tags+xml"/>
  <Override PartName="/ppt/tags/tag180.xml" ContentType="application/vnd.openxmlformats-officedocument.presentationml.tags+xml"/>
  <Override PartName="/ppt/tags/tag181.xml" ContentType="application/vnd.openxmlformats-officedocument.presentationml.tags+xml"/>
  <Override PartName="/ppt/tags/tag182.xml" ContentType="application/vnd.openxmlformats-officedocument.presentationml.tags+xml"/>
  <Override PartName="/ppt/tags/tag183.xml" ContentType="application/vnd.openxmlformats-officedocument.presentationml.tags+xml"/>
  <Override PartName="/ppt/tags/tag184.xml" ContentType="application/vnd.openxmlformats-officedocument.presentationml.tags+xml"/>
  <Override PartName="/ppt/tags/tag185.xml" ContentType="application/vnd.openxmlformats-officedocument.presentationml.tags+xml"/>
  <Override PartName="/ppt/tags/tag186.xml" ContentType="application/vnd.openxmlformats-officedocument.presentationml.tags+xml"/>
  <Override PartName="/ppt/tags/tag187.xml" ContentType="application/vnd.openxmlformats-officedocument.presentationml.tags+xml"/>
  <Override PartName="/ppt/tags/tag188.xml" ContentType="application/vnd.openxmlformats-officedocument.presentationml.tags+xml"/>
  <Override PartName="/ppt/tags/tag189.xml" ContentType="application/vnd.openxmlformats-officedocument.presentationml.tags+xml"/>
  <Override PartName="/ppt/tags/tag190.xml" ContentType="application/vnd.openxmlformats-officedocument.presentationml.tags+xml"/>
  <Override PartName="/ppt/tags/tag191.xml" ContentType="application/vnd.openxmlformats-officedocument.presentationml.tags+xml"/>
  <Override PartName="/ppt/tags/tag192.xml" ContentType="application/vnd.openxmlformats-officedocument.presentationml.tags+xml"/>
  <Override PartName="/ppt/tags/tag193.xml" ContentType="application/vnd.openxmlformats-officedocument.presentationml.tags+xml"/>
  <Override PartName="/ppt/tags/tag194.xml" ContentType="application/vnd.openxmlformats-officedocument.presentationml.tags+xml"/>
  <Override PartName="/ppt/tags/tag195.xml" ContentType="application/vnd.openxmlformats-officedocument.presentationml.tags+xml"/>
  <Override PartName="/ppt/tags/tag196.xml" ContentType="application/vnd.openxmlformats-officedocument.presentationml.tags+xml"/>
  <Override PartName="/ppt/tags/tag197.xml" ContentType="application/vnd.openxmlformats-officedocument.presentationml.tags+xml"/>
  <Override PartName="/ppt/tags/tag198.xml" ContentType="application/vnd.openxmlformats-officedocument.presentationml.tags+xml"/>
  <Override PartName="/ppt/tags/tag199.xml" ContentType="application/vnd.openxmlformats-officedocument.presentationml.tags+xml"/>
  <Override PartName="/ppt/tags/tag200.xml" ContentType="application/vnd.openxmlformats-officedocument.presentationml.tags+xml"/>
  <Override PartName="/ppt/tags/tag201.xml" ContentType="application/vnd.openxmlformats-officedocument.presentationml.tags+xml"/>
  <Override PartName="/ppt/tags/tag202.xml" ContentType="application/vnd.openxmlformats-officedocument.presentationml.tags+xml"/>
  <Override PartName="/ppt/tags/tag203.xml" ContentType="application/vnd.openxmlformats-officedocument.presentationml.tags+xml"/>
  <Override PartName="/ppt/tags/tag204.xml" ContentType="application/vnd.openxmlformats-officedocument.presentationml.tags+xml"/>
  <Override PartName="/ppt/tags/tag205.xml" ContentType="application/vnd.openxmlformats-officedocument.presentationml.tags+xml"/>
  <Override PartName="/ppt/tags/tag206.xml" ContentType="application/vnd.openxmlformats-officedocument.presentationml.tags+xml"/>
  <Override PartName="/ppt/tags/tag207.xml" ContentType="application/vnd.openxmlformats-officedocument.presentationml.tags+xml"/>
  <Override PartName="/ppt/tags/tag208.xml" ContentType="application/vnd.openxmlformats-officedocument.presentationml.tags+xml"/>
  <Override PartName="/ppt/tags/tag209.xml" ContentType="application/vnd.openxmlformats-officedocument.presentationml.tags+xml"/>
  <Override PartName="/ppt/tags/tag210.xml" ContentType="application/vnd.openxmlformats-officedocument.presentationml.tags+xml"/>
  <Override PartName="/ppt/tags/tag211.xml" ContentType="application/vnd.openxmlformats-officedocument.presentationml.tags+xml"/>
  <Override PartName="/ppt/tags/tag212.xml" ContentType="application/vnd.openxmlformats-officedocument.presentationml.tags+xml"/>
  <Override PartName="/ppt/tags/tag213.xml" ContentType="application/vnd.openxmlformats-officedocument.presentationml.tags+xml"/>
  <Override PartName="/ppt/tags/tag214.xml" ContentType="application/vnd.openxmlformats-officedocument.presentationml.tags+xml"/>
  <Override PartName="/ppt/tags/tag215.xml" ContentType="application/vnd.openxmlformats-officedocument.presentationml.tags+xml"/>
  <Override PartName="/ppt/tags/tag216.xml" ContentType="application/vnd.openxmlformats-officedocument.presentationml.tags+xml"/>
  <Override PartName="/ppt/tags/tag217.xml" ContentType="application/vnd.openxmlformats-officedocument.presentationml.tags+xml"/>
  <Override PartName="/ppt/tags/tag218.xml" ContentType="application/vnd.openxmlformats-officedocument.presentationml.tags+xml"/>
  <Override PartName="/ppt/tags/tag219.xml" ContentType="application/vnd.openxmlformats-officedocument.presentationml.tags+xml"/>
  <Override PartName="/ppt/tags/tag220.xml" ContentType="application/vnd.openxmlformats-officedocument.presentationml.tags+xml"/>
  <Override PartName="/ppt/tags/tag221.xml" ContentType="application/vnd.openxmlformats-officedocument.presentationml.tags+xml"/>
  <Override PartName="/ppt/tags/tag222.xml" ContentType="application/vnd.openxmlformats-officedocument.presentationml.tags+xml"/>
  <Override PartName="/ppt/tags/tag223.xml" ContentType="application/vnd.openxmlformats-officedocument.presentationml.tags+xml"/>
  <Override PartName="/ppt/tags/tag224.xml" ContentType="application/vnd.openxmlformats-officedocument.presentationml.tags+xml"/>
  <Override PartName="/ppt/tags/tag225.xml" ContentType="application/vnd.openxmlformats-officedocument.presentationml.tags+xml"/>
  <Override PartName="/ppt/tags/tag226.xml" ContentType="application/vnd.openxmlformats-officedocument.presentationml.tags+xml"/>
  <Override PartName="/ppt/tags/tag227.xml" ContentType="application/vnd.openxmlformats-officedocument.presentationml.tags+xml"/>
  <Override PartName="/ppt/tags/tag228.xml" ContentType="application/vnd.openxmlformats-officedocument.presentationml.tags+xml"/>
  <Override PartName="/ppt/tags/tag229.xml" ContentType="application/vnd.openxmlformats-officedocument.presentationml.tags+xml"/>
  <Override PartName="/ppt/tags/tag230.xml" ContentType="application/vnd.openxmlformats-officedocument.presentationml.tags+xml"/>
  <Override PartName="/ppt/tags/tag231.xml" ContentType="application/vnd.openxmlformats-officedocument.presentationml.tags+xml"/>
  <Override PartName="/ppt/tags/tag232.xml" ContentType="application/vnd.openxmlformats-officedocument.presentationml.tags+xml"/>
  <Override PartName="/ppt/tags/tag233.xml" ContentType="application/vnd.openxmlformats-officedocument.presentationml.tags+xml"/>
  <Override PartName="/ppt/tags/tag234.xml" ContentType="application/vnd.openxmlformats-officedocument.presentationml.tags+xml"/>
  <Override PartName="/ppt/tags/tag235.xml" ContentType="application/vnd.openxmlformats-officedocument.presentationml.tags+xml"/>
  <Override PartName="/ppt/tags/tag236.xml" ContentType="application/vnd.openxmlformats-officedocument.presentationml.tags+xml"/>
  <Override PartName="/ppt/tags/tag237.xml" ContentType="application/vnd.openxmlformats-officedocument.presentationml.tags+xml"/>
  <Override PartName="/ppt/tags/tag238.xml" ContentType="application/vnd.openxmlformats-officedocument.presentationml.tags+xml"/>
  <Override PartName="/ppt/tags/tag239.xml" ContentType="application/vnd.openxmlformats-officedocument.presentationml.tags+xml"/>
  <Override PartName="/ppt/tags/tag240.xml" ContentType="application/vnd.openxmlformats-officedocument.presentationml.tags+xml"/>
  <Override PartName="/ppt/tags/tag241.xml" ContentType="application/vnd.openxmlformats-officedocument.presentationml.tags+xml"/>
  <Override PartName="/ppt/tags/tag242.xml" ContentType="application/vnd.openxmlformats-officedocument.presentationml.tags+xml"/>
  <Override PartName="/ppt/tags/tag243.xml" ContentType="application/vnd.openxmlformats-officedocument.presentationml.tags+xml"/>
  <Override PartName="/ppt/tags/tag244.xml" ContentType="application/vnd.openxmlformats-officedocument.presentationml.tags+xml"/>
  <Override PartName="/ppt/tags/tag245.xml" ContentType="application/vnd.openxmlformats-officedocument.presentationml.tags+xml"/>
  <Override PartName="/ppt/tags/tag246.xml" ContentType="application/vnd.openxmlformats-officedocument.presentationml.tags+xml"/>
  <Override PartName="/ppt/tags/tag247.xml" ContentType="application/vnd.openxmlformats-officedocument.presentationml.tags+xml"/>
  <Override PartName="/ppt/tags/tag248.xml" ContentType="application/vnd.openxmlformats-officedocument.presentationml.tags+xml"/>
  <Override PartName="/ppt/tags/tag249.xml" ContentType="application/vnd.openxmlformats-officedocument.presentationml.tags+xml"/>
  <Override PartName="/ppt/tags/tag250.xml" ContentType="application/vnd.openxmlformats-officedocument.presentationml.tags+xml"/>
  <Override PartName="/ppt/tags/tag251.xml" ContentType="application/vnd.openxmlformats-officedocument.presentationml.tags+xml"/>
  <Override PartName="/ppt/tags/tag252.xml" ContentType="application/vnd.openxmlformats-officedocument.presentationml.tags+xml"/>
  <Override PartName="/ppt/tags/tag253.xml" ContentType="application/vnd.openxmlformats-officedocument.presentationml.tags+xml"/>
  <Override PartName="/ppt/tags/tag254.xml" ContentType="application/vnd.openxmlformats-officedocument.presentationml.tags+xml"/>
  <Override PartName="/ppt/tags/tag255.xml" ContentType="application/vnd.openxmlformats-officedocument.presentationml.tags+xml"/>
  <Override PartName="/ppt/tags/tag256.xml" ContentType="application/vnd.openxmlformats-officedocument.presentationml.tags+xml"/>
  <Override PartName="/ppt/tags/tag257.xml" ContentType="application/vnd.openxmlformats-officedocument.presentationml.tags+xml"/>
  <Override PartName="/ppt/tags/tag258.xml" ContentType="application/vnd.openxmlformats-officedocument.presentationml.tags+xml"/>
  <Override PartName="/ppt/tags/tag259.xml" ContentType="application/vnd.openxmlformats-officedocument.presentationml.tags+xml"/>
  <Override PartName="/ppt/tags/tag260.xml" ContentType="application/vnd.openxmlformats-officedocument.presentationml.tags+xml"/>
  <Override PartName="/ppt/tags/tag261.xml" ContentType="application/vnd.openxmlformats-officedocument.presentationml.tags+xml"/>
  <Override PartName="/ppt/tags/tag262.xml" ContentType="application/vnd.openxmlformats-officedocument.presentationml.tags+xml"/>
  <Override PartName="/ppt/tags/tag263.xml" ContentType="application/vnd.openxmlformats-officedocument.presentationml.tags+xml"/>
  <Override PartName="/ppt/tags/tag264.xml" ContentType="application/vnd.openxmlformats-officedocument.presentationml.tags+xml"/>
  <Override PartName="/ppt/tags/tag265.xml" ContentType="application/vnd.openxmlformats-officedocument.presentationml.tags+xml"/>
  <Override PartName="/ppt/tags/tag266.xml" ContentType="application/vnd.openxmlformats-officedocument.presentationml.tags+xml"/>
  <Override PartName="/ppt/tags/tag267.xml" ContentType="application/vnd.openxmlformats-officedocument.presentationml.tags+xml"/>
  <Override PartName="/ppt/tags/tag268.xml" ContentType="application/vnd.openxmlformats-officedocument.presentationml.tags+xml"/>
  <Override PartName="/ppt/tags/tag269.xml" ContentType="application/vnd.openxmlformats-officedocument.presentationml.tags+xml"/>
  <Override PartName="/ppt/tags/tag270.xml" ContentType="application/vnd.openxmlformats-officedocument.presentationml.tags+xml"/>
  <Override PartName="/ppt/tags/tag271.xml" ContentType="application/vnd.openxmlformats-officedocument.presentationml.tags+xml"/>
  <Override PartName="/ppt/tags/tag272.xml" ContentType="application/vnd.openxmlformats-officedocument.presentationml.tags+xml"/>
  <Override PartName="/ppt/tags/tag273.xml" ContentType="application/vnd.openxmlformats-officedocument.presentationml.tags+xml"/>
  <Override PartName="/ppt/tags/tag274.xml" ContentType="application/vnd.openxmlformats-officedocument.presentationml.tags+xml"/>
  <Override PartName="/ppt/tags/tag275.xml" ContentType="application/vnd.openxmlformats-officedocument.presentationml.tags+xml"/>
  <Override PartName="/ppt/tags/tag276.xml" ContentType="application/vnd.openxmlformats-officedocument.presentationml.tags+xml"/>
  <Override PartName="/ppt/tags/tag277.xml" ContentType="application/vnd.openxmlformats-officedocument.presentationml.tags+xml"/>
  <Override PartName="/ppt/tags/tag278.xml" ContentType="application/vnd.openxmlformats-officedocument.presentationml.tags+xml"/>
  <Override PartName="/ppt/tags/tag279.xml" ContentType="application/vnd.openxmlformats-officedocument.presentationml.tags+xml"/>
  <Override PartName="/ppt/tags/tag280.xml" ContentType="application/vnd.openxmlformats-officedocument.presentationml.tags+xml"/>
  <Override PartName="/ppt/tags/tag281.xml" ContentType="application/vnd.openxmlformats-officedocument.presentationml.tags+xml"/>
  <Override PartName="/ppt/tags/tag282.xml" ContentType="application/vnd.openxmlformats-officedocument.presentationml.tags+xml"/>
  <Override PartName="/ppt/tags/tag283.xml" ContentType="application/vnd.openxmlformats-officedocument.presentationml.tags+xml"/>
  <Override PartName="/ppt/tags/tag284.xml" ContentType="application/vnd.openxmlformats-officedocument.presentationml.tags+xml"/>
  <Override PartName="/ppt/tags/tag285.xml" ContentType="application/vnd.openxmlformats-officedocument.presentationml.tags+xml"/>
  <Override PartName="/ppt/tags/tag286.xml" ContentType="application/vnd.openxmlformats-officedocument.presentationml.tags+xml"/>
  <Override PartName="/ppt/tags/tag287.xml" ContentType="application/vnd.openxmlformats-officedocument.presentationml.tags+xml"/>
  <Override PartName="/ppt/tags/tag288.xml" ContentType="application/vnd.openxmlformats-officedocument.presentationml.tags+xml"/>
  <Override PartName="/ppt/tags/tag289.xml" ContentType="application/vnd.openxmlformats-officedocument.presentationml.tags+xml"/>
  <Override PartName="/ppt/tags/tag290.xml" ContentType="application/vnd.openxmlformats-officedocument.presentationml.tags+xml"/>
  <Override PartName="/ppt/tags/tag291.xml" ContentType="application/vnd.openxmlformats-officedocument.presentationml.tags+xml"/>
  <Override PartName="/ppt/tags/tag292.xml" ContentType="application/vnd.openxmlformats-officedocument.presentationml.tags+xml"/>
  <Override PartName="/ppt/tags/tag293.xml" ContentType="application/vnd.openxmlformats-officedocument.presentationml.tags+xml"/>
  <Override PartName="/ppt/tags/tag294.xml" ContentType="application/vnd.openxmlformats-officedocument.presentationml.tags+xml"/>
  <Override PartName="/ppt/tags/tag295.xml" ContentType="application/vnd.openxmlformats-officedocument.presentationml.tags+xml"/>
  <Override PartName="/ppt/tags/tag296.xml" ContentType="application/vnd.openxmlformats-officedocument.presentationml.tags+xml"/>
  <Override PartName="/ppt/tags/tag297.xml" ContentType="application/vnd.openxmlformats-officedocument.presentationml.tags+xml"/>
  <Override PartName="/ppt/tags/tag298.xml" ContentType="application/vnd.openxmlformats-officedocument.presentationml.tags+xml"/>
  <Override PartName="/ppt/tags/tag299.xml" ContentType="application/vnd.openxmlformats-officedocument.presentationml.tags+xml"/>
  <Override PartName="/ppt/tags/tag300.xml" ContentType="application/vnd.openxmlformats-officedocument.presentationml.tags+xml"/>
  <Override PartName="/ppt/tags/tag301.xml" ContentType="application/vnd.openxmlformats-officedocument.presentationml.tags+xml"/>
  <Override PartName="/ppt/tags/tag302.xml" ContentType="application/vnd.openxmlformats-officedocument.presentationml.tags+xml"/>
  <Override PartName="/ppt/tags/tag303.xml" ContentType="application/vnd.openxmlformats-officedocument.presentationml.tags+xml"/>
  <Override PartName="/ppt/tags/tag304.xml" ContentType="application/vnd.openxmlformats-officedocument.presentationml.tags+xml"/>
  <Override PartName="/ppt/tags/tag305.xml" ContentType="application/vnd.openxmlformats-officedocument.presentationml.tags+xml"/>
  <Override PartName="/ppt/tags/tag306.xml" ContentType="application/vnd.openxmlformats-officedocument.presentationml.tags+xml"/>
  <Override PartName="/ppt/tags/tag307.xml" ContentType="application/vnd.openxmlformats-officedocument.presentationml.tags+xml"/>
  <Override PartName="/ppt/tags/tag308.xml" ContentType="application/vnd.openxmlformats-officedocument.presentationml.tags+xml"/>
  <Override PartName="/ppt/tags/tag309.xml" ContentType="application/vnd.openxmlformats-officedocument.presentationml.tags+xml"/>
  <Override PartName="/ppt/tags/tag310.xml" ContentType="application/vnd.openxmlformats-officedocument.presentationml.tags+xml"/>
  <Override PartName="/ppt/tags/tag311.xml" ContentType="application/vnd.openxmlformats-officedocument.presentationml.tags+xml"/>
  <Override PartName="/ppt/tags/tag312.xml" ContentType="application/vnd.openxmlformats-officedocument.presentationml.tags+xml"/>
  <Override PartName="/ppt/tags/tag313.xml" ContentType="application/vnd.openxmlformats-officedocument.presentationml.tags+xml"/>
  <Override PartName="/ppt/tags/tag314.xml" ContentType="application/vnd.openxmlformats-officedocument.presentationml.tags+xml"/>
  <Override PartName="/ppt/tags/tag315.xml" ContentType="application/vnd.openxmlformats-officedocument.presentationml.tags+xml"/>
  <Override PartName="/ppt/tags/tag316.xml" ContentType="application/vnd.openxmlformats-officedocument.presentationml.tags+xml"/>
  <Override PartName="/ppt/tags/tag317.xml" ContentType="application/vnd.openxmlformats-officedocument.presentationml.tags+xml"/>
  <Override PartName="/ppt/tags/tag318.xml" ContentType="application/vnd.openxmlformats-officedocument.presentationml.tags+xml"/>
  <Override PartName="/ppt/tags/tag319.xml" ContentType="application/vnd.openxmlformats-officedocument.presentationml.tags+xml"/>
  <Override PartName="/ppt/tags/tag320.xml" ContentType="application/vnd.openxmlformats-officedocument.presentationml.tags+xml"/>
  <Override PartName="/ppt/tags/tag321.xml" ContentType="application/vnd.openxmlformats-officedocument.presentationml.tags+xml"/>
  <Override PartName="/ppt/tags/tag322.xml" ContentType="application/vnd.openxmlformats-officedocument.presentationml.tags+xml"/>
  <Override PartName="/ppt/tags/tag323.xml" ContentType="application/vnd.openxmlformats-officedocument.presentationml.tags+xml"/>
  <Override PartName="/ppt/tags/tag324.xml" ContentType="application/vnd.openxmlformats-officedocument.presentationml.tags+xml"/>
  <Override PartName="/ppt/tags/tag325.xml" ContentType="application/vnd.openxmlformats-officedocument.presentationml.tags+xml"/>
  <Override PartName="/ppt/tags/tag326.xml" ContentType="application/vnd.openxmlformats-officedocument.presentationml.tags+xml"/>
  <Override PartName="/ppt/tags/tag327.xml" ContentType="application/vnd.openxmlformats-officedocument.presentationml.tags+xml"/>
  <Override PartName="/ppt/tags/tag328.xml" ContentType="application/vnd.openxmlformats-officedocument.presentationml.tags+xml"/>
  <Override PartName="/ppt/tags/tag329.xml" ContentType="application/vnd.openxmlformats-officedocument.presentationml.tags+xml"/>
  <Override PartName="/ppt/tags/tag330.xml" ContentType="application/vnd.openxmlformats-officedocument.presentationml.tags+xml"/>
  <Override PartName="/ppt/tags/tag331.xml" ContentType="application/vnd.openxmlformats-officedocument.presentationml.tags+xml"/>
  <Override PartName="/ppt/tags/tag332.xml" ContentType="application/vnd.openxmlformats-officedocument.presentationml.tags+xml"/>
  <Override PartName="/ppt/tags/tag333.xml" ContentType="application/vnd.openxmlformats-officedocument.presentationml.tags+xml"/>
  <Override PartName="/ppt/tags/tag334.xml" ContentType="application/vnd.openxmlformats-officedocument.presentationml.tags+xml"/>
  <Override PartName="/ppt/tags/tag335.xml" ContentType="application/vnd.openxmlformats-officedocument.presentationml.tags+xml"/>
  <Override PartName="/ppt/tags/tag336.xml" ContentType="application/vnd.openxmlformats-officedocument.presentationml.tags+xml"/>
  <Override PartName="/ppt/tags/tag337.xml" ContentType="application/vnd.openxmlformats-officedocument.presentationml.tags+xml"/>
  <Override PartName="/ppt/tags/tag338.xml" ContentType="application/vnd.openxmlformats-officedocument.presentationml.tags+xml"/>
  <Override PartName="/ppt/tags/tag339.xml" ContentType="application/vnd.openxmlformats-officedocument.presentationml.tags+xml"/>
  <Override PartName="/ppt/tags/tag340.xml" ContentType="application/vnd.openxmlformats-officedocument.presentationml.tags+xml"/>
  <Override PartName="/ppt/tags/tag341.xml" ContentType="application/vnd.openxmlformats-officedocument.presentationml.tags+xml"/>
  <Override PartName="/ppt/tags/tag342.xml" ContentType="application/vnd.openxmlformats-officedocument.presentationml.tags+xml"/>
  <Override PartName="/ppt/tags/tag343.xml" ContentType="application/vnd.openxmlformats-officedocument.presentationml.tags+xml"/>
  <Override PartName="/ppt/tags/tag344.xml" ContentType="application/vnd.openxmlformats-officedocument.presentationml.tags+xml"/>
  <Override PartName="/ppt/tags/tag345.xml" ContentType="application/vnd.openxmlformats-officedocument.presentationml.tags+xml"/>
  <Override PartName="/ppt/tags/tag346.xml" ContentType="application/vnd.openxmlformats-officedocument.presentationml.tags+xml"/>
  <Override PartName="/ppt/tags/tag347.xml" ContentType="application/vnd.openxmlformats-officedocument.presentationml.tags+xml"/>
  <Override PartName="/ppt/tags/tag348.xml" ContentType="application/vnd.openxmlformats-officedocument.presentationml.tags+xml"/>
  <Override PartName="/ppt/tags/tag349.xml" ContentType="application/vnd.openxmlformats-officedocument.presentationml.tags+xml"/>
  <Override PartName="/ppt/tags/tag350.xml" ContentType="application/vnd.openxmlformats-officedocument.presentationml.tags+xml"/>
  <Override PartName="/ppt/tags/tag351.xml" ContentType="application/vnd.openxmlformats-officedocument.presentationml.tags+xml"/>
  <Override PartName="/ppt/tags/tag352.xml" ContentType="application/vnd.openxmlformats-officedocument.presentationml.tags+xml"/>
  <Override PartName="/ppt/tags/tag353.xml" ContentType="application/vnd.openxmlformats-officedocument.presentationml.tags+xml"/>
  <Override PartName="/ppt/tags/tag354.xml" ContentType="application/vnd.openxmlformats-officedocument.presentationml.tags+xml"/>
  <Override PartName="/ppt/tags/tag355.xml" ContentType="application/vnd.openxmlformats-officedocument.presentationml.tags+xml"/>
  <Override PartName="/ppt/tags/tag356.xml" ContentType="application/vnd.openxmlformats-officedocument.presentationml.tags+xml"/>
  <Override PartName="/ppt/tags/tag357.xml" ContentType="application/vnd.openxmlformats-officedocument.presentationml.tags+xml"/>
  <Override PartName="/ppt/tags/tag358.xml" ContentType="application/vnd.openxmlformats-officedocument.presentationml.tags+xml"/>
  <Override PartName="/ppt/tags/tag359.xml" ContentType="application/vnd.openxmlformats-officedocument.presentationml.tags+xml"/>
  <Override PartName="/ppt/tags/tag360.xml" ContentType="application/vnd.openxmlformats-officedocument.presentationml.tags+xml"/>
  <Override PartName="/ppt/tags/tag361.xml" ContentType="application/vnd.openxmlformats-officedocument.presentationml.tags+xml"/>
  <Override PartName="/ppt/tags/tag362.xml" ContentType="application/vnd.openxmlformats-officedocument.presentationml.tags+xml"/>
  <Override PartName="/ppt/tags/tag363.xml" ContentType="application/vnd.openxmlformats-officedocument.presentationml.tags+xml"/>
  <Override PartName="/ppt/tags/tag364.xml" ContentType="application/vnd.openxmlformats-officedocument.presentationml.tags+xml"/>
  <Override PartName="/ppt/tags/tag365.xml" ContentType="application/vnd.openxmlformats-officedocument.presentationml.tags+xml"/>
  <Override PartName="/ppt/tags/tag366.xml" ContentType="application/vnd.openxmlformats-officedocument.presentationml.tags+xml"/>
  <Override PartName="/ppt/tags/tag367.xml" ContentType="application/vnd.openxmlformats-officedocument.presentationml.tags+xml"/>
  <Override PartName="/ppt/tags/tag368.xml" ContentType="application/vnd.openxmlformats-officedocument.presentationml.tags+xml"/>
  <Override PartName="/ppt/tags/tag369.xml" ContentType="application/vnd.openxmlformats-officedocument.presentationml.tags+xml"/>
  <Override PartName="/ppt/tags/tag370.xml" ContentType="application/vnd.openxmlformats-officedocument.presentationml.tags+xml"/>
  <Override PartName="/ppt/tags/tag371.xml" ContentType="application/vnd.openxmlformats-officedocument.presentationml.tags+xml"/>
  <Override PartName="/ppt/tags/tag372.xml" ContentType="application/vnd.openxmlformats-officedocument.presentationml.tags+xml"/>
  <Override PartName="/ppt/tags/tag373.xml" ContentType="application/vnd.openxmlformats-officedocument.presentationml.tags+xml"/>
  <Override PartName="/ppt/tags/tag374.xml" ContentType="application/vnd.openxmlformats-officedocument.presentationml.tags+xml"/>
  <Override PartName="/ppt/tags/tag375.xml" ContentType="application/vnd.openxmlformats-officedocument.presentationml.tags+xml"/>
  <Override PartName="/ppt/tags/tag376.xml" ContentType="application/vnd.openxmlformats-officedocument.presentationml.tags+xml"/>
  <Override PartName="/ppt/tags/tag377.xml" ContentType="application/vnd.openxmlformats-officedocument.presentationml.tags+xml"/>
  <Override PartName="/ppt/tags/tag378.xml" ContentType="application/vnd.openxmlformats-officedocument.presentationml.tags+xml"/>
  <Override PartName="/ppt/tags/tag379.xml" ContentType="application/vnd.openxmlformats-officedocument.presentationml.tags+xml"/>
  <Override PartName="/ppt/tags/tag380.xml" ContentType="application/vnd.openxmlformats-officedocument.presentationml.tags+xml"/>
  <Override PartName="/ppt/tags/tag381.xml" ContentType="application/vnd.openxmlformats-officedocument.presentationml.tags+xml"/>
  <Override PartName="/ppt/tags/tag382.xml" ContentType="application/vnd.openxmlformats-officedocument.presentationml.tags+xml"/>
  <Override PartName="/ppt/tags/tag383.xml" ContentType="application/vnd.openxmlformats-officedocument.presentationml.tags+xml"/>
  <Override PartName="/ppt/tags/tag384.xml" ContentType="application/vnd.openxmlformats-officedocument.presentationml.tags+xml"/>
  <Override PartName="/ppt/tags/tag385.xml" ContentType="application/vnd.openxmlformats-officedocument.presentationml.tags+xml"/>
  <Override PartName="/ppt/tags/tag386.xml" ContentType="application/vnd.openxmlformats-officedocument.presentationml.tags+xml"/>
  <Override PartName="/ppt/tags/tag387.xml" ContentType="application/vnd.openxmlformats-officedocument.presentationml.tags+xml"/>
  <Override PartName="/ppt/tags/tag388.xml" ContentType="application/vnd.openxmlformats-officedocument.presentationml.tags+xml"/>
  <Override PartName="/ppt/tags/tag389.xml" ContentType="application/vnd.openxmlformats-officedocument.presentationml.tags+xml"/>
  <Override PartName="/ppt/tags/tag390.xml" ContentType="application/vnd.openxmlformats-officedocument.presentationml.tags+xml"/>
  <Override PartName="/ppt/tags/tag391.xml" ContentType="application/vnd.openxmlformats-officedocument.presentationml.tags+xml"/>
  <Override PartName="/ppt/tags/tag392.xml" ContentType="application/vnd.openxmlformats-officedocument.presentationml.tags+xml"/>
  <Override PartName="/ppt/tags/tag393.xml" ContentType="application/vnd.openxmlformats-officedocument.presentationml.tags+xml"/>
  <Override PartName="/ppt/tags/tag394.xml" ContentType="application/vnd.openxmlformats-officedocument.presentationml.tags+xml"/>
  <Override PartName="/ppt/tags/tag395.xml" ContentType="application/vnd.openxmlformats-officedocument.presentationml.tags+xml"/>
  <Override PartName="/ppt/tags/tag396.xml" ContentType="application/vnd.openxmlformats-officedocument.presentationml.tags+xml"/>
  <Override PartName="/ppt/tags/tag397.xml" ContentType="application/vnd.openxmlformats-officedocument.presentationml.tags+xml"/>
  <Override PartName="/ppt/tags/tag398.xml" ContentType="application/vnd.openxmlformats-officedocument.presentationml.tags+xml"/>
  <Override PartName="/ppt/tags/tag399.xml" ContentType="application/vnd.openxmlformats-officedocument.presentationml.tags+xml"/>
  <Override PartName="/ppt/tags/tag400.xml" ContentType="application/vnd.openxmlformats-officedocument.presentationml.tags+xml"/>
  <Override PartName="/ppt/tags/tag401.xml" ContentType="application/vnd.openxmlformats-officedocument.presentationml.tags+xml"/>
  <Override PartName="/ppt/tags/tag402.xml" ContentType="application/vnd.openxmlformats-officedocument.presentationml.tags+xml"/>
  <Override PartName="/ppt/tags/tag403.xml" ContentType="application/vnd.openxmlformats-officedocument.presentationml.tags+xml"/>
  <Override PartName="/ppt/tags/tag404.xml" ContentType="application/vnd.openxmlformats-officedocument.presentationml.tags+xml"/>
  <Override PartName="/ppt/tags/tag405.xml" ContentType="application/vnd.openxmlformats-officedocument.presentationml.tags+xml"/>
  <Override PartName="/ppt/tags/tag406.xml" ContentType="application/vnd.openxmlformats-officedocument.presentationml.tags+xml"/>
  <Override PartName="/ppt/tags/tag407.xml" ContentType="application/vnd.openxmlformats-officedocument.presentationml.tags+xml"/>
  <Override PartName="/ppt/tags/tag408.xml" ContentType="application/vnd.openxmlformats-officedocument.presentationml.tags+xml"/>
  <Override PartName="/ppt/tags/tag409.xml" ContentType="application/vnd.openxmlformats-officedocument.presentationml.tags+xml"/>
  <Override PartName="/ppt/tags/tag410.xml" ContentType="application/vnd.openxmlformats-officedocument.presentationml.tags+xml"/>
  <Override PartName="/ppt/tags/tag411.xml" ContentType="application/vnd.openxmlformats-officedocument.presentationml.tags+xml"/>
  <Override PartName="/ppt/tags/tag412.xml" ContentType="application/vnd.openxmlformats-officedocument.presentationml.tags+xml"/>
  <Override PartName="/ppt/tags/tag413.xml" ContentType="application/vnd.openxmlformats-officedocument.presentationml.tags+xml"/>
  <Override PartName="/ppt/tags/tag414.xml" ContentType="application/vnd.openxmlformats-officedocument.presentationml.tags+xml"/>
  <Override PartName="/ppt/tags/tag415.xml" ContentType="application/vnd.openxmlformats-officedocument.presentationml.tags+xml"/>
  <Override PartName="/ppt/tags/tag416.xml" ContentType="application/vnd.openxmlformats-officedocument.presentationml.tags+xml"/>
  <Override PartName="/ppt/tags/tag417.xml" ContentType="application/vnd.openxmlformats-officedocument.presentationml.tags+xml"/>
  <Override PartName="/ppt/changesInfos/changesInfo1.xml" ContentType="application/vnd.ms-powerpoint.changesinfo+xml"/>
  <Override PartName="/ppt/revisionInfo.xml" ContentType="application/vnd.ms-powerpoint.revisioninfo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72" r:id="rId4"/>
  </p:sldMasterIdLst>
  <p:sldIdLst>
    <p:sldId id="257" r:id="rId5"/>
  </p:sldIdLst>
  <p:sldSz cx="21674138" cy="12192000"/>
  <p:notesSz cx="6858000" cy="9144000"/>
  <p:defaultTextStyle>
    <a:defPPr>
      <a:defRPr lang="en-US"/>
    </a:defPPr>
    <a:lvl1pPr marL="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3841" userDrawn="1">
          <p15:clr>
            <a:srgbClr val="A4A3A4"/>
          </p15:clr>
        </p15:guide>
        <p15:guide id="2" pos="6827" userDrawn="1">
          <p15:clr>
            <a:srgbClr val="A4A3A4"/>
          </p15:clr>
        </p15:guide>
      </p15:sld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revisionInfo.xml><?xml version="1.0" encoding="utf-8"?>
<p1510:revInfo xmlns:a="http://schemas.openxmlformats.org/drawingml/2006/main" xmlns:r="http://schemas.openxmlformats.org/officeDocument/2006/relationships" xmlns:p1510="http://schemas.microsoft.com/office/powerpoint/2015/10/main">
  <p1510:revLst>
    <p1510:client id="{BCD0C6F6-2D95-4A66-B702-D3858BC1FC00}" v="29654" dt="2019-09-26T10:18:18.454"/>
  </p1510:revLst>
</p1510:revInfo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5987" autoAdjust="0"/>
    <p:restoredTop sz="94660"/>
  </p:normalViewPr>
  <p:slideViewPr>
    <p:cSldViewPr snapToGrid="0">
      <p:cViewPr varScale="1">
        <p:scale>
          <a:sx n="65" d="100"/>
          <a:sy n="65" d="100"/>
        </p:scale>
        <p:origin x="366" y="48"/>
      </p:cViewPr>
      <p:guideLst>
        <p:guide orient="horz" pos="3841"/>
        <p:guide pos="6827"/>
      </p:guideLst>
    </p:cSldViewPr>
  </p:slideViewPr>
  <p:notesTextViewPr>
    <p:cViewPr>
      <p:scale>
        <a:sx n="1" d="1"/>
        <a:sy n="1" d="1"/>
      </p:scale>
      <p:origin x="0" y="0"/>
    </p:cViewPr>
  </p:notesText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theme" Target="theme/theme1.xml"/><Relationship Id="rId3" Type="http://schemas.openxmlformats.org/officeDocument/2006/relationships/customXml" Target="../customXml/item3.xml"/><Relationship Id="rId7" Type="http://schemas.openxmlformats.org/officeDocument/2006/relationships/viewProps" Target="viewProps.xml"/><Relationship Id="rId2" Type="http://schemas.openxmlformats.org/officeDocument/2006/relationships/customXml" Target="../customXml/item2.xml"/><Relationship Id="rId1" Type="http://schemas.openxmlformats.org/officeDocument/2006/relationships/customXml" Target="../customXml/item1.xml"/><Relationship Id="rId6" Type="http://schemas.openxmlformats.org/officeDocument/2006/relationships/presProps" Target="presProps.xml"/><Relationship Id="rId11" Type="http://schemas.microsoft.com/office/2015/10/relationships/revisionInfo" Target="revisionInfo.xml"/><Relationship Id="rId5" Type="http://schemas.openxmlformats.org/officeDocument/2006/relationships/slide" Target="slides/slide1.xml"/><Relationship Id="rId10" Type="http://schemas.microsoft.com/office/2016/11/relationships/changesInfo" Target="changesInfos/changesInfo1.xml"/><Relationship Id="rId4" Type="http://schemas.openxmlformats.org/officeDocument/2006/relationships/slideMaster" Target="slideMasters/slideMaster1.xml"/><Relationship Id="rId9" Type="http://schemas.openxmlformats.org/officeDocument/2006/relationships/tableStyles" Target="tableStyles.xml"/></Relationships>
</file>

<file path=ppt/changesInfos/changesInfo1.xml><?xml version="1.0" encoding="utf-8"?>
<pc:chgInfo xmlns:a="http://schemas.openxmlformats.org/drawingml/2006/main" xmlns:r="http://schemas.openxmlformats.org/officeDocument/2006/relationships" xmlns:ac="http://schemas.microsoft.com/office/drawing/2013/main/command" xmlns:pc="http://schemas.microsoft.com/office/powerpoint/2013/main/command">
  <pc:docChgLst>
    <pc:chgData name="Manuel Lidauer" userId="b55e45dd-c6cc-461d-bef5-835fc172e678" providerId="ADAL" clId="{BCD0C6F6-2D95-4A66-B702-D3858BC1FC00}"/>
    <pc:docChg chg="custSel modSld">
      <pc:chgData name="Manuel Lidauer" userId="b55e45dd-c6cc-461d-bef5-835fc172e678" providerId="ADAL" clId="{BCD0C6F6-2D95-4A66-B702-D3858BC1FC00}" dt="2019-09-26T10:18:18.454" v="88263"/>
      <pc:docMkLst>
        <pc:docMk/>
      </pc:docMkLst>
      <pc:sldChg chg="addSp delSp modSp">
        <pc:chgData name="Manuel Lidauer" userId="b55e45dd-c6cc-461d-bef5-835fc172e678" providerId="ADAL" clId="{BCD0C6F6-2D95-4A66-B702-D3858BC1FC00}" dt="2019-09-26T10:18:18.454" v="88263"/>
        <pc:sldMkLst>
          <pc:docMk/>
          <pc:sldMk cId="1279582212" sldId="257"/>
        </pc:sldMkLst>
        <pc:spChg chg="del">
          <ac:chgData name="Manuel Lidauer" userId="b55e45dd-c6cc-461d-bef5-835fc172e678" providerId="ADAL" clId="{BCD0C6F6-2D95-4A66-B702-D3858BC1FC00}" dt="2019-09-26T09:01:01.190" v="87"/>
          <ac:spMkLst>
            <pc:docMk/>
            <pc:sldMk cId="1279582212" sldId="257"/>
            <ac:spMk id="32" creationId="{27E3D3F5-1261-460E-A0F2-42E5A32DC66E}"/>
          </ac:spMkLst>
        </pc:spChg>
        <pc:spChg chg="del">
          <ac:chgData name="Manuel Lidauer" userId="b55e45dd-c6cc-461d-bef5-835fc172e678" providerId="ADAL" clId="{BCD0C6F6-2D95-4A66-B702-D3858BC1FC00}" dt="2019-09-26T09:01:01.191" v="89"/>
          <ac:spMkLst>
            <pc:docMk/>
            <pc:sldMk cId="1279582212" sldId="257"/>
            <ac:spMk id="33" creationId="{A726045C-909B-4CB8-83AC-4142464D5D61}"/>
          </ac:spMkLst>
        </pc:spChg>
        <pc:spChg chg="del">
          <ac:chgData name="Manuel Lidauer" userId="b55e45dd-c6cc-461d-bef5-835fc172e678" providerId="ADAL" clId="{BCD0C6F6-2D95-4A66-B702-D3858BC1FC00}" dt="2019-09-26T09:01:01.191" v="90"/>
          <ac:spMkLst>
            <pc:docMk/>
            <pc:sldMk cId="1279582212" sldId="257"/>
            <ac:spMk id="34" creationId="{F6277C0B-AAFC-4948-9A79-A0FDF60FBB6C}"/>
          </ac:spMkLst>
        </pc:spChg>
        <pc:spChg chg="del">
          <ac:chgData name="Manuel Lidauer" userId="b55e45dd-c6cc-461d-bef5-835fc172e678" providerId="ADAL" clId="{BCD0C6F6-2D95-4A66-B702-D3858BC1FC00}" dt="2019-09-26T09:01:01.191" v="91"/>
          <ac:spMkLst>
            <pc:docMk/>
            <pc:sldMk cId="1279582212" sldId="257"/>
            <ac:spMk id="35" creationId="{70AE8A00-EE9C-4021-9F15-D64DC56779D2}"/>
          </ac:spMkLst>
        </pc:spChg>
        <pc:spChg chg="del">
          <ac:chgData name="Manuel Lidauer" userId="b55e45dd-c6cc-461d-bef5-835fc172e678" providerId="ADAL" clId="{BCD0C6F6-2D95-4A66-B702-D3858BC1FC00}" dt="2019-09-26T09:01:01.192" v="92"/>
          <ac:spMkLst>
            <pc:docMk/>
            <pc:sldMk cId="1279582212" sldId="257"/>
            <ac:spMk id="36" creationId="{E9BF8FF6-39D8-4F63-98D0-0866C8030C06}"/>
          </ac:spMkLst>
        </pc:spChg>
        <pc:spChg chg="del">
          <ac:chgData name="Manuel Lidauer" userId="b55e45dd-c6cc-461d-bef5-835fc172e678" providerId="ADAL" clId="{BCD0C6F6-2D95-4A66-B702-D3858BC1FC00}" dt="2019-09-26T09:01:01.192" v="94"/>
          <ac:spMkLst>
            <pc:docMk/>
            <pc:sldMk cId="1279582212" sldId="257"/>
            <ac:spMk id="37" creationId="{A888FDE8-2117-44B1-9583-ACF5EC8FE460}"/>
          </ac:spMkLst>
        </pc:spChg>
        <pc:spChg chg="del">
          <ac:chgData name="Manuel Lidauer" userId="b55e45dd-c6cc-461d-bef5-835fc172e678" providerId="ADAL" clId="{BCD0C6F6-2D95-4A66-B702-D3858BC1FC00}" dt="2019-09-26T09:01:01.193" v="96"/>
          <ac:spMkLst>
            <pc:docMk/>
            <pc:sldMk cId="1279582212" sldId="257"/>
            <ac:spMk id="38" creationId="{30805DA5-0B81-41DF-B28D-79447168FBEC}"/>
          </ac:spMkLst>
        </pc:spChg>
        <pc:spChg chg="del">
          <ac:chgData name="Manuel Lidauer" userId="b55e45dd-c6cc-461d-bef5-835fc172e678" providerId="ADAL" clId="{BCD0C6F6-2D95-4A66-B702-D3858BC1FC00}" dt="2019-09-26T09:01:01.194" v="100"/>
          <ac:spMkLst>
            <pc:docMk/>
            <pc:sldMk cId="1279582212" sldId="257"/>
            <ac:spMk id="40" creationId="{2CF21437-6F0C-4D07-BBEF-9C1C8FA00DFB}"/>
          </ac:spMkLst>
        </pc:spChg>
        <pc:spChg chg="del">
          <ac:chgData name="Manuel Lidauer" userId="b55e45dd-c6cc-461d-bef5-835fc172e678" providerId="ADAL" clId="{BCD0C6F6-2D95-4A66-B702-D3858BC1FC00}" dt="2019-09-26T09:01:01.196" v="104"/>
          <ac:spMkLst>
            <pc:docMk/>
            <pc:sldMk cId="1279582212" sldId="257"/>
            <ac:spMk id="42" creationId="{4D95D8DB-7051-46BA-84BD-C9FEB4BD7AE9}"/>
          </ac:spMkLst>
        </pc:spChg>
        <pc:spChg chg="del">
          <ac:chgData name="Manuel Lidauer" userId="b55e45dd-c6cc-461d-bef5-835fc172e678" providerId="ADAL" clId="{BCD0C6F6-2D95-4A66-B702-D3858BC1FC00}" dt="2019-09-26T09:01:01.196" v="106"/>
          <ac:spMkLst>
            <pc:docMk/>
            <pc:sldMk cId="1279582212" sldId="257"/>
            <ac:spMk id="86" creationId="{B1AB2630-6156-443C-857C-AA917247D56C}"/>
          </ac:spMkLst>
        </pc:spChg>
        <pc:spChg chg="del">
          <ac:chgData name="Manuel Lidauer" userId="b55e45dd-c6cc-461d-bef5-835fc172e678" providerId="ADAL" clId="{BCD0C6F6-2D95-4A66-B702-D3858BC1FC00}" dt="2019-09-26T09:01:01.197" v="108"/>
          <ac:spMkLst>
            <pc:docMk/>
            <pc:sldMk cId="1279582212" sldId="257"/>
            <ac:spMk id="87" creationId="{10B7628B-9A71-4F7A-99C7-FDD662DAD48C}"/>
          </ac:spMkLst>
        </pc:spChg>
        <pc:spChg chg="del">
          <ac:chgData name="Manuel Lidauer" userId="b55e45dd-c6cc-461d-bef5-835fc172e678" providerId="ADAL" clId="{BCD0C6F6-2D95-4A66-B702-D3858BC1FC00}" dt="2019-09-26T09:01:01.197" v="109"/>
          <ac:spMkLst>
            <pc:docMk/>
            <pc:sldMk cId="1279582212" sldId="257"/>
            <ac:spMk id="88" creationId="{68BEB21D-D553-4EF7-A727-11308570BF42}"/>
          </ac:spMkLst>
        </pc:spChg>
        <pc:spChg chg="del">
          <ac:chgData name="Manuel Lidauer" userId="b55e45dd-c6cc-461d-bef5-835fc172e678" providerId="ADAL" clId="{BCD0C6F6-2D95-4A66-B702-D3858BC1FC00}" dt="2019-09-26T09:01:01.198" v="111"/>
          <ac:spMkLst>
            <pc:docMk/>
            <pc:sldMk cId="1279582212" sldId="257"/>
            <ac:spMk id="89" creationId="{83204564-B613-49C0-8399-0B46A93F1BA5}"/>
          </ac:spMkLst>
        </pc:spChg>
        <pc:spChg chg="del">
          <ac:chgData name="Manuel Lidauer" userId="b55e45dd-c6cc-461d-bef5-835fc172e678" providerId="ADAL" clId="{BCD0C6F6-2D95-4A66-B702-D3858BC1FC00}" dt="2019-09-26T09:01:01.199" v="113"/>
          <ac:spMkLst>
            <pc:docMk/>
            <pc:sldMk cId="1279582212" sldId="257"/>
            <ac:spMk id="90" creationId="{3F05E083-C40D-429B-B5BA-9AE0AB40264F}"/>
          </ac:spMkLst>
        </pc:spChg>
        <pc:spChg chg="del">
          <ac:chgData name="Manuel Lidauer" userId="b55e45dd-c6cc-461d-bef5-835fc172e678" providerId="ADAL" clId="{BCD0C6F6-2D95-4A66-B702-D3858BC1FC00}" dt="2019-09-26T09:01:01.199" v="114"/>
          <ac:spMkLst>
            <pc:docMk/>
            <pc:sldMk cId="1279582212" sldId="257"/>
            <ac:spMk id="91" creationId="{58C838E1-B664-4F7B-9D56-6C2E23C86EC5}"/>
          </ac:spMkLst>
        </pc:spChg>
        <pc:spChg chg="del">
          <ac:chgData name="Manuel Lidauer" userId="b55e45dd-c6cc-461d-bef5-835fc172e678" providerId="ADAL" clId="{BCD0C6F6-2D95-4A66-B702-D3858BC1FC00}" dt="2019-09-26T09:01:01.200" v="116"/>
          <ac:spMkLst>
            <pc:docMk/>
            <pc:sldMk cId="1279582212" sldId="257"/>
            <ac:spMk id="92" creationId="{FAD7DC21-D7E6-48F5-B085-1FB2D1D9055A}"/>
          </ac:spMkLst>
        </pc:spChg>
        <pc:spChg chg="del">
          <ac:chgData name="Manuel Lidauer" userId="b55e45dd-c6cc-461d-bef5-835fc172e678" providerId="ADAL" clId="{BCD0C6F6-2D95-4A66-B702-D3858BC1FC00}" dt="2019-09-26T09:01:01.200" v="118"/>
          <ac:spMkLst>
            <pc:docMk/>
            <pc:sldMk cId="1279582212" sldId="257"/>
            <ac:spMk id="93" creationId="{DD21F8E7-3091-49F8-8A4A-89DFAFC62EBA}"/>
          </ac:spMkLst>
        </pc:spChg>
        <pc:spChg chg="del">
          <ac:chgData name="Manuel Lidauer" userId="b55e45dd-c6cc-461d-bef5-835fc172e678" providerId="ADAL" clId="{BCD0C6F6-2D95-4A66-B702-D3858BC1FC00}" dt="2019-09-26T09:01:01.201" v="119"/>
          <ac:spMkLst>
            <pc:docMk/>
            <pc:sldMk cId="1279582212" sldId="257"/>
            <ac:spMk id="94" creationId="{E1C3C43A-9281-4450-9031-B9F12AFC646C}"/>
          </ac:spMkLst>
        </pc:spChg>
        <pc:spChg chg="del">
          <ac:chgData name="Manuel Lidauer" userId="b55e45dd-c6cc-461d-bef5-835fc172e678" providerId="ADAL" clId="{BCD0C6F6-2D95-4A66-B702-D3858BC1FC00}" dt="2019-09-26T09:01:01.201" v="121"/>
          <ac:spMkLst>
            <pc:docMk/>
            <pc:sldMk cId="1279582212" sldId="257"/>
            <ac:spMk id="95" creationId="{0EC7B762-3731-4E7E-BF52-428590A2F360}"/>
          </ac:spMkLst>
        </pc:spChg>
        <pc:spChg chg="del">
          <ac:chgData name="Manuel Lidauer" userId="b55e45dd-c6cc-461d-bef5-835fc172e678" providerId="ADAL" clId="{BCD0C6F6-2D95-4A66-B702-D3858BC1FC00}" dt="2019-09-26T09:01:01.202" v="123"/>
          <ac:spMkLst>
            <pc:docMk/>
            <pc:sldMk cId="1279582212" sldId="257"/>
            <ac:spMk id="96" creationId="{7546F590-B238-4C8E-BF00-628B67C05D19}"/>
          </ac:spMkLst>
        </pc:spChg>
        <pc:spChg chg="del">
          <ac:chgData name="Manuel Lidauer" userId="b55e45dd-c6cc-461d-bef5-835fc172e678" providerId="ADAL" clId="{BCD0C6F6-2D95-4A66-B702-D3858BC1FC00}" dt="2019-09-26T09:01:01.202" v="124"/>
          <ac:spMkLst>
            <pc:docMk/>
            <pc:sldMk cId="1279582212" sldId="257"/>
            <ac:spMk id="97" creationId="{6BB06EEA-685D-4407-B7A7-276C598E6B6B}"/>
          </ac:spMkLst>
        </pc:spChg>
        <pc:spChg chg="del">
          <ac:chgData name="Manuel Lidauer" userId="b55e45dd-c6cc-461d-bef5-835fc172e678" providerId="ADAL" clId="{BCD0C6F6-2D95-4A66-B702-D3858BC1FC00}" dt="2019-09-26T09:01:01.204" v="126"/>
          <ac:spMkLst>
            <pc:docMk/>
            <pc:sldMk cId="1279582212" sldId="257"/>
            <ac:spMk id="98" creationId="{6B14C158-345A-427E-ABCE-9561F04E48BA}"/>
          </ac:spMkLst>
        </pc:spChg>
        <pc:spChg chg="del">
          <ac:chgData name="Manuel Lidauer" userId="b55e45dd-c6cc-461d-bef5-835fc172e678" providerId="ADAL" clId="{BCD0C6F6-2D95-4A66-B702-D3858BC1FC00}" dt="2019-09-26T09:01:01.204" v="128"/>
          <ac:spMkLst>
            <pc:docMk/>
            <pc:sldMk cId="1279582212" sldId="257"/>
            <ac:spMk id="99" creationId="{9E43DAF6-8784-4BAF-85A1-3CBEA96ACB07}"/>
          </ac:spMkLst>
        </pc:spChg>
        <pc:spChg chg="del">
          <ac:chgData name="Manuel Lidauer" userId="b55e45dd-c6cc-461d-bef5-835fc172e678" providerId="ADAL" clId="{BCD0C6F6-2D95-4A66-B702-D3858BC1FC00}" dt="2019-09-26T09:01:01.205" v="129"/>
          <ac:spMkLst>
            <pc:docMk/>
            <pc:sldMk cId="1279582212" sldId="257"/>
            <ac:spMk id="100" creationId="{8CC89151-D008-4E1E-B7B5-5BDDA882C9A3}"/>
          </ac:spMkLst>
        </pc:spChg>
        <pc:spChg chg="del">
          <ac:chgData name="Manuel Lidauer" userId="b55e45dd-c6cc-461d-bef5-835fc172e678" providerId="ADAL" clId="{BCD0C6F6-2D95-4A66-B702-D3858BC1FC00}" dt="2019-09-26T09:01:01.206" v="131"/>
          <ac:spMkLst>
            <pc:docMk/>
            <pc:sldMk cId="1279582212" sldId="257"/>
            <ac:spMk id="101" creationId="{B69650D1-CB8D-4283-87BA-EE3E64E76FC5}"/>
          </ac:spMkLst>
        </pc:spChg>
        <pc:spChg chg="del">
          <ac:chgData name="Manuel Lidauer" userId="b55e45dd-c6cc-461d-bef5-835fc172e678" providerId="ADAL" clId="{BCD0C6F6-2D95-4A66-B702-D3858BC1FC00}" dt="2019-09-26T09:01:01.206" v="133"/>
          <ac:spMkLst>
            <pc:docMk/>
            <pc:sldMk cId="1279582212" sldId="257"/>
            <ac:spMk id="102" creationId="{50560AF6-A5AF-4297-A280-D7A10ECC44DD}"/>
          </ac:spMkLst>
        </pc:spChg>
        <pc:spChg chg="del">
          <ac:chgData name="Manuel Lidauer" userId="b55e45dd-c6cc-461d-bef5-835fc172e678" providerId="ADAL" clId="{BCD0C6F6-2D95-4A66-B702-D3858BC1FC00}" dt="2019-09-26T09:01:01.207" v="134"/>
          <ac:spMkLst>
            <pc:docMk/>
            <pc:sldMk cId="1279582212" sldId="257"/>
            <ac:spMk id="103" creationId="{873EE718-4D99-4BFE-B8E6-D82EE3F16602}"/>
          </ac:spMkLst>
        </pc:spChg>
        <pc:spChg chg="del">
          <ac:chgData name="Manuel Lidauer" userId="b55e45dd-c6cc-461d-bef5-835fc172e678" providerId="ADAL" clId="{BCD0C6F6-2D95-4A66-B702-D3858BC1FC00}" dt="2019-09-26T09:01:01.207" v="135"/>
          <ac:spMkLst>
            <pc:docMk/>
            <pc:sldMk cId="1279582212" sldId="257"/>
            <ac:spMk id="104" creationId="{FF111F70-A6C8-4EC2-9928-8B73247A93A6}"/>
          </ac:spMkLst>
        </pc:spChg>
        <pc:spChg chg="del">
          <ac:chgData name="Manuel Lidauer" userId="b55e45dd-c6cc-461d-bef5-835fc172e678" providerId="ADAL" clId="{BCD0C6F6-2D95-4A66-B702-D3858BC1FC00}" dt="2019-09-26T09:01:01.208" v="137"/>
          <ac:spMkLst>
            <pc:docMk/>
            <pc:sldMk cId="1279582212" sldId="257"/>
            <ac:spMk id="105" creationId="{3996B18C-C928-4B83-97A2-78D75BA71C1B}"/>
          </ac:spMkLst>
        </pc:spChg>
        <pc:spChg chg="del">
          <ac:chgData name="Manuel Lidauer" userId="b55e45dd-c6cc-461d-bef5-835fc172e678" providerId="ADAL" clId="{BCD0C6F6-2D95-4A66-B702-D3858BC1FC00}" dt="2019-09-26T09:01:01.208" v="139"/>
          <ac:spMkLst>
            <pc:docMk/>
            <pc:sldMk cId="1279582212" sldId="257"/>
            <ac:spMk id="106" creationId="{B921D730-DF47-4C55-8986-A294D6B05A02}"/>
          </ac:spMkLst>
        </pc:spChg>
        <pc:spChg chg="del">
          <ac:chgData name="Manuel Lidauer" userId="b55e45dd-c6cc-461d-bef5-835fc172e678" providerId="ADAL" clId="{BCD0C6F6-2D95-4A66-B702-D3858BC1FC00}" dt="2019-09-26T09:01:01.209" v="141"/>
          <ac:spMkLst>
            <pc:docMk/>
            <pc:sldMk cId="1279582212" sldId="257"/>
            <ac:spMk id="107" creationId="{3D30FE0E-AD95-4543-87AB-174053B06179}"/>
          </ac:spMkLst>
        </pc:spChg>
        <pc:spChg chg="del">
          <ac:chgData name="Manuel Lidauer" userId="b55e45dd-c6cc-461d-bef5-835fc172e678" providerId="ADAL" clId="{BCD0C6F6-2D95-4A66-B702-D3858BC1FC00}" dt="2019-09-26T09:01:01.210" v="143"/>
          <ac:spMkLst>
            <pc:docMk/>
            <pc:sldMk cId="1279582212" sldId="257"/>
            <ac:spMk id="108" creationId="{431934EB-4BDD-4592-B250-8DD771B01DB9}"/>
          </ac:spMkLst>
        </pc:spChg>
        <pc:spChg chg="del">
          <ac:chgData name="Manuel Lidauer" userId="b55e45dd-c6cc-461d-bef5-835fc172e678" providerId="ADAL" clId="{BCD0C6F6-2D95-4A66-B702-D3858BC1FC00}" dt="2019-09-26T09:01:01.210" v="145"/>
          <ac:spMkLst>
            <pc:docMk/>
            <pc:sldMk cId="1279582212" sldId="257"/>
            <ac:spMk id="109" creationId="{B68C2E4D-E94E-45CF-ADF3-889F9001EA6A}"/>
          </ac:spMkLst>
        </pc:spChg>
        <pc:spChg chg="del">
          <ac:chgData name="Manuel Lidauer" userId="b55e45dd-c6cc-461d-bef5-835fc172e678" providerId="ADAL" clId="{BCD0C6F6-2D95-4A66-B702-D3858BC1FC00}" dt="2019-09-26T09:01:01.211" v="147"/>
          <ac:spMkLst>
            <pc:docMk/>
            <pc:sldMk cId="1279582212" sldId="257"/>
            <ac:spMk id="110" creationId="{EB7C6988-39B6-4D90-BC59-F96A58FEB09A}"/>
          </ac:spMkLst>
        </pc:spChg>
        <pc:spChg chg="del">
          <ac:chgData name="Manuel Lidauer" userId="b55e45dd-c6cc-461d-bef5-835fc172e678" providerId="ADAL" clId="{BCD0C6F6-2D95-4A66-B702-D3858BC1FC00}" dt="2019-09-26T09:01:01.211" v="149"/>
          <ac:spMkLst>
            <pc:docMk/>
            <pc:sldMk cId="1279582212" sldId="257"/>
            <ac:spMk id="111" creationId="{4B62B1BD-06CF-4D42-8D5C-1A8757698EC8}"/>
          </ac:spMkLst>
        </pc:spChg>
        <pc:spChg chg="del">
          <ac:chgData name="Manuel Lidauer" userId="b55e45dd-c6cc-461d-bef5-835fc172e678" providerId="ADAL" clId="{BCD0C6F6-2D95-4A66-B702-D3858BC1FC00}" dt="2019-09-26T09:01:01.212" v="150"/>
          <ac:spMkLst>
            <pc:docMk/>
            <pc:sldMk cId="1279582212" sldId="257"/>
            <ac:spMk id="112" creationId="{C5D8D8F3-5F91-4DC9-8457-5B643C6D5DA3}"/>
          </ac:spMkLst>
        </pc:spChg>
        <pc:spChg chg="del">
          <ac:chgData name="Manuel Lidauer" userId="b55e45dd-c6cc-461d-bef5-835fc172e678" providerId="ADAL" clId="{BCD0C6F6-2D95-4A66-B702-D3858BC1FC00}" dt="2019-09-26T09:01:01.213" v="152"/>
          <ac:spMkLst>
            <pc:docMk/>
            <pc:sldMk cId="1279582212" sldId="257"/>
            <ac:spMk id="113" creationId="{4A191A4E-4170-458D-BA40-CBD56188632C}"/>
          </ac:spMkLst>
        </pc:spChg>
        <pc:spChg chg="del">
          <ac:chgData name="Manuel Lidauer" userId="b55e45dd-c6cc-461d-bef5-835fc172e678" providerId="ADAL" clId="{BCD0C6F6-2D95-4A66-B702-D3858BC1FC00}" dt="2019-09-26T09:01:01.213" v="154"/>
          <ac:spMkLst>
            <pc:docMk/>
            <pc:sldMk cId="1279582212" sldId="257"/>
            <ac:spMk id="114" creationId="{38B884B6-2AF4-4114-BE44-A75809C1582D}"/>
          </ac:spMkLst>
        </pc:spChg>
        <pc:spChg chg="del">
          <ac:chgData name="Manuel Lidauer" userId="b55e45dd-c6cc-461d-bef5-835fc172e678" providerId="ADAL" clId="{BCD0C6F6-2D95-4A66-B702-D3858BC1FC00}" dt="2019-09-26T09:01:01.214" v="156"/>
          <ac:spMkLst>
            <pc:docMk/>
            <pc:sldMk cId="1279582212" sldId="257"/>
            <ac:spMk id="115" creationId="{8F54F19F-1718-4B07-A5DD-470AB432D95B}"/>
          </ac:spMkLst>
        </pc:spChg>
        <pc:spChg chg="del">
          <ac:chgData name="Manuel Lidauer" userId="b55e45dd-c6cc-461d-bef5-835fc172e678" providerId="ADAL" clId="{BCD0C6F6-2D95-4A66-B702-D3858BC1FC00}" dt="2019-09-26T09:01:01.214" v="158"/>
          <ac:spMkLst>
            <pc:docMk/>
            <pc:sldMk cId="1279582212" sldId="257"/>
            <ac:spMk id="116" creationId="{2839E844-0069-414D-9A5B-2300EA871B0C}"/>
          </ac:spMkLst>
        </pc:spChg>
        <pc:spChg chg="del">
          <ac:chgData name="Manuel Lidauer" userId="b55e45dd-c6cc-461d-bef5-835fc172e678" providerId="ADAL" clId="{BCD0C6F6-2D95-4A66-B702-D3858BC1FC00}" dt="2019-09-26T09:01:01.215" v="160"/>
          <ac:spMkLst>
            <pc:docMk/>
            <pc:sldMk cId="1279582212" sldId="257"/>
            <ac:spMk id="117" creationId="{804E2167-8771-4C4E-858B-85BB643AC110}"/>
          </ac:spMkLst>
        </pc:spChg>
        <pc:spChg chg="del">
          <ac:chgData name="Manuel Lidauer" userId="b55e45dd-c6cc-461d-bef5-835fc172e678" providerId="ADAL" clId="{BCD0C6F6-2D95-4A66-B702-D3858BC1FC00}" dt="2019-09-26T09:01:01.216" v="162"/>
          <ac:spMkLst>
            <pc:docMk/>
            <pc:sldMk cId="1279582212" sldId="257"/>
            <ac:spMk id="118" creationId="{D9515C3A-6C3B-4C69-A943-1AD36C7D2552}"/>
          </ac:spMkLst>
        </pc:spChg>
        <pc:spChg chg="del">
          <ac:chgData name="Manuel Lidauer" userId="b55e45dd-c6cc-461d-bef5-835fc172e678" providerId="ADAL" clId="{BCD0C6F6-2D95-4A66-B702-D3858BC1FC00}" dt="2019-09-26T09:01:01.216" v="164"/>
          <ac:spMkLst>
            <pc:docMk/>
            <pc:sldMk cId="1279582212" sldId="257"/>
            <ac:spMk id="119" creationId="{F02241C6-F6E3-4FEB-B330-125C4DD13F46}"/>
          </ac:spMkLst>
        </pc:spChg>
        <pc:spChg chg="del">
          <ac:chgData name="Manuel Lidauer" userId="b55e45dd-c6cc-461d-bef5-835fc172e678" providerId="ADAL" clId="{BCD0C6F6-2D95-4A66-B702-D3858BC1FC00}" dt="2019-09-26T09:01:01.217" v="165"/>
          <ac:spMkLst>
            <pc:docMk/>
            <pc:sldMk cId="1279582212" sldId="257"/>
            <ac:spMk id="120" creationId="{47A518A4-0161-4DCE-8F74-0650FA038D86}"/>
          </ac:spMkLst>
        </pc:spChg>
        <pc:spChg chg="del">
          <ac:chgData name="Manuel Lidauer" userId="b55e45dd-c6cc-461d-bef5-835fc172e678" providerId="ADAL" clId="{BCD0C6F6-2D95-4A66-B702-D3858BC1FC00}" dt="2019-09-26T09:01:01.217" v="167"/>
          <ac:spMkLst>
            <pc:docMk/>
            <pc:sldMk cId="1279582212" sldId="257"/>
            <ac:spMk id="121" creationId="{57741998-CDB6-452C-B17D-B9C23D9F505F}"/>
          </ac:spMkLst>
        </pc:spChg>
        <pc:spChg chg="del">
          <ac:chgData name="Manuel Lidauer" userId="b55e45dd-c6cc-461d-bef5-835fc172e678" providerId="ADAL" clId="{BCD0C6F6-2D95-4A66-B702-D3858BC1FC00}" dt="2019-09-26T09:01:01.219" v="169"/>
          <ac:spMkLst>
            <pc:docMk/>
            <pc:sldMk cId="1279582212" sldId="257"/>
            <ac:spMk id="122" creationId="{37173B7E-D20B-4A33-9EEB-0479C324481E}"/>
          </ac:spMkLst>
        </pc:spChg>
        <pc:spChg chg="del">
          <ac:chgData name="Manuel Lidauer" userId="b55e45dd-c6cc-461d-bef5-835fc172e678" providerId="ADAL" clId="{BCD0C6F6-2D95-4A66-B702-D3858BC1FC00}" dt="2019-09-26T09:01:01.219" v="171"/>
          <ac:spMkLst>
            <pc:docMk/>
            <pc:sldMk cId="1279582212" sldId="257"/>
            <ac:spMk id="123" creationId="{E9A6B663-2248-4028-BC5C-7DFD8DE5E338}"/>
          </ac:spMkLst>
        </pc:spChg>
        <pc:spChg chg="del">
          <ac:chgData name="Manuel Lidauer" userId="b55e45dd-c6cc-461d-bef5-835fc172e678" providerId="ADAL" clId="{BCD0C6F6-2D95-4A66-B702-D3858BC1FC00}" dt="2019-09-26T09:01:01.220" v="173"/>
          <ac:spMkLst>
            <pc:docMk/>
            <pc:sldMk cId="1279582212" sldId="257"/>
            <ac:spMk id="124" creationId="{9F12CB91-676A-4608-96EC-ABF5256148CC}"/>
          </ac:spMkLst>
        </pc:spChg>
        <pc:spChg chg="del">
          <ac:chgData name="Manuel Lidauer" userId="b55e45dd-c6cc-461d-bef5-835fc172e678" providerId="ADAL" clId="{BCD0C6F6-2D95-4A66-B702-D3858BC1FC00}" dt="2019-09-26T09:01:01.221" v="175"/>
          <ac:spMkLst>
            <pc:docMk/>
            <pc:sldMk cId="1279582212" sldId="257"/>
            <ac:spMk id="125" creationId="{FAEFBE0A-0EDF-4ABC-A778-A031A68C2089}"/>
          </ac:spMkLst>
        </pc:spChg>
        <pc:spChg chg="del">
          <ac:chgData name="Manuel Lidauer" userId="b55e45dd-c6cc-461d-bef5-835fc172e678" providerId="ADAL" clId="{BCD0C6F6-2D95-4A66-B702-D3858BC1FC00}" dt="2019-09-26T09:01:01.221" v="177"/>
          <ac:spMkLst>
            <pc:docMk/>
            <pc:sldMk cId="1279582212" sldId="257"/>
            <ac:spMk id="126" creationId="{BB628AC7-0F3C-41FC-9EC0-17718631E23F}"/>
          </ac:spMkLst>
        </pc:spChg>
        <pc:spChg chg="del">
          <ac:chgData name="Manuel Lidauer" userId="b55e45dd-c6cc-461d-bef5-835fc172e678" providerId="ADAL" clId="{BCD0C6F6-2D95-4A66-B702-D3858BC1FC00}" dt="2019-09-26T09:01:01.222" v="179"/>
          <ac:spMkLst>
            <pc:docMk/>
            <pc:sldMk cId="1279582212" sldId="257"/>
            <ac:spMk id="127" creationId="{54B316E8-BFCF-401C-ABF2-0DBD643CE019}"/>
          </ac:spMkLst>
        </pc:spChg>
        <pc:spChg chg="del">
          <ac:chgData name="Manuel Lidauer" userId="b55e45dd-c6cc-461d-bef5-835fc172e678" providerId="ADAL" clId="{BCD0C6F6-2D95-4A66-B702-D3858BC1FC00}" dt="2019-09-26T09:01:01.222" v="180"/>
          <ac:spMkLst>
            <pc:docMk/>
            <pc:sldMk cId="1279582212" sldId="257"/>
            <ac:spMk id="128" creationId="{22F6C205-0F1F-40E4-BFD0-F4E32F4BC48C}"/>
          </ac:spMkLst>
        </pc:spChg>
        <pc:spChg chg="del">
          <ac:chgData name="Manuel Lidauer" userId="b55e45dd-c6cc-461d-bef5-835fc172e678" providerId="ADAL" clId="{BCD0C6F6-2D95-4A66-B702-D3858BC1FC00}" dt="2019-09-26T09:01:01.223" v="182"/>
          <ac:spMkLst>
            <pc:docMk/>
            <pc:sldMk cId="1279582212" sldId="257"/>
            <ac:spMk id="129" creationId="{F65E4C3E-A3F0-4C88-A310-FB9F93E5C41E}"/>
          </ac:spMkLst>
        </pc:spChg>
        <pc:spChg chg="del">
          <ac:chgData name="Manuel Lidauer" userId="b55e45dd-c6cc-461d-bef5-835fc172e678" providerId="ADAL" clId="{BCD0C6F6-2D95-4A66-B702-D3858BC1FC00}" dt="2019-09-26T09:01:01.224" v="184"/>
          <ac:spMkLst>
            <pc:docMk/>
            <pc:sldMk cId="1279582212" sldId="257"/>
            <ac:spMk id="130" creationId="{5AB5F721-7A0A-44B2-9DC2-75AA7026DC38}"/>
          </ac:spMkLst>
        </pc:spChg>
        <pc:spChg chg="del">
          <ac:chgData name="Manuel Lidauer" userId="b55e45dd-c6cc-461d-bef5-835fc172e678" providerId="ADAL" clId="{BCD0C6F6-2D95-4A66-B702-D3858BC1FC00}" dt="2019-09-26T09:01:01.224" v="186"/>
          <ac:spMkLst>
            <pc:docMk/>
            <pc:sldMk cId="1279582212" sldId="257"/>
            <ac:spMk id="131" creationId="{CC9B4133-2D73-47F7-A0C1-3C04E1509F79}"/>
          </ac:spMkLst>
        </pc:spChg>
        <pc:spChg chg="del">
          <ac:chgData name="Manuel Lidauer" userId="b55e45dd-c6cc-461d-bef5-835fc172e678" providerId="ADAL" clId="{BCD0C6F6-2D95-4A66-B702-D3858BC1FC00}" dt="2019-09-26T09:01:01.225" v="188"/>
          <ac:spMkLst>
            <pc:docMk/>
            <pc:sldMk cId="1279582212" sldId="257"/>
            <ac:spMk id="132" creationId="{4ABF88B7-40D6-477A-856C-35878388CCD5}"/>
          </ac:spMkLst>
        </pc:spChg>
        <pc:spChg chg="del">
          <ac:chgData name="Manuel Lidauer" userId="b55e45dd-c6cc-461d-bef5-835fc172e678" providerId="ADAL" clId="{BCD0C6F6-2D95-4A66-B702-D3858BC1FC00}" dt="2019-09-26T09:01:01.226" v="190"/>
          <ac:spMkLst>
            <pc:docMk/>
            <pc:sldMk cId="1279582212" sldId="257"/>
            <ac:spMk id="133" creationId="{A2B1CF99-F8A5-4281-84B5-66AF02F4F8B3}"/>
          </ac:spMkLst>
        </pc:spChg>
        <pc:spChg chg="del">
          <ac:chgData name="Manuel Lidauer" userId="b55e45dd-c6cc-461d-bef5-835fc172e678" providerId="ADAL" clId="{BCD0C6F6-2D95-4A66-B702-D3858BC1FC00}" dt="2019-09-26T09:01:01.226" v="192"/>
          <ac:spMkLst>
            <pc:docMk/>
            <pc:sldMk cId="1279582212" sldId="257"/>
            <ac:spMk id="134" creationId="{A66DCBE9-893E-4801-AF37-83BBDBC074B1}"/>
          </ac:spMkLst>
        </pc:spChg>
        <pc:spChg chg="del">
          <ac:chgData name="Manuel Lidauer" userId="b55e45dd-c6cc-461d-bef5-835fc172e678" providerId="ADAL" clId="{BCD0C6F6-2D95-4A66-B702-D3858BC1FC00}" dt="2019-09-26T09:01:01.227" v="194"/>
          <ac:spMkLst>
            <pc:docMk/>
            <pc:sldMk cId="1279582212" sldId="257"/>
            <ac:spMk id="135" creationId="{3BC46C75-3CD8-427B-BA99-9FBB9ABE8A38}"/>
          </ac:spMkLst>
        </pc:spChg>
        <pc:spChg chg="del">
          <ac:chgData name="Manuel Lidauer" userId="b55e45dd-c6cc-461d-bef5-835fc172e678" providerId="ADAL" clId="{BCD0C6F6-2D95-4A66-B702-D3858BC1FC00}" dt="2019-09-26T09:01:01.227" v="195"/>
          <ac:spMkLst>
            <pc:docMk/>
            <pc:sldMk cId="1279582212" sldId="257"/>
            <ac:spMk id="136" creationId="{E51C19D4-2976-46FF-BCF3-FA08F3908A8F}"/>
          </ac:spMkLst>
        </pc:spChg>
        <pc:spChg chg="del">
          <ac:chgData name="Manuel Lidauer" userId="b55e45dd-c6cc-461d-bef5-835fc172e678" providerId="ADAL" clId="{BCD0C6F6-2D95-4A66-B702-D3858BC1FC00}" dt="2019-09-26T09:01:01.228" v="197"/>
          <ac:spMkLst>
            <pc:docMk/>
            <pc:sldMk cId="1279582212" sldId="257"/>
            <ac:spMk id="137" creationId="{1F57C8AE-B98F-4E53-88CF-9513CD573E56}"/>
          </ac:spMkLst>
        </pc:spChg>
        <pc:spChg chg="del">
          <ac:chgData name="Manuel Lidauer" userId="b55e45dd-c6cc-461d-bef5-835fc172e678" providerId="ADAL" clId="{BCD0C6F6-2D95-4A66-B702-D3858BC1FC00}" dt="2019-09-26T09:01:01.229" v="199"/>
          <ac:spMkLst>
            <pc:docMk/>
            <pc:sldMk cId="1279582212" sldId="257"/>
            <ac:spMk id="138" creationId="{CB7074AD-9A86-4CF6-ACDE-AD27B6969225}"/>
          </ac:spMkLst>
        </pc:spChg>
        <pc:spChg chg="del">
          <ac:chgData name="Manuel Lidauer" userId="b55e45dd-c6cc-461d-bef5-835fc172e678" providerId="ADAL" clId="{BCD0C6F6-2D95-4A66-B702-D3858BC1FC00}" dt="2019-09-26T09:01:01.230" v="201"/>
          <ac:spMkLst>
            <pc:docMk/>
            <pc:sldMk cId="1279582212" sldId="257"/>
            <ac:spMk id="139" creationId="{C7148B0C-F139-4DF4-90C7-93BF6DFF0098}"/>
          </ac:spMkLst>
        </pc:spChg>
        <pc:spChg chg="del">
          <ac:chgData name="Manuel Lidauer" userId="b55e45dd-c6cc-461d-bef5-835fc172e678" providerId="ADAL" clId="{BCD0C6F6-2D95-4A66-B702-D3858BC1FC00}" dt="2019-09-26T09:01:01.231" v="203"/>
          <ac:spMkLst>
            <pc:docMk/>
            <pc:sldMk cId="1279582212" sldId="257"/>
            <ac:spMk id="140" creationId="{43EEE810-BF7C-4C42-8C35-801BA76CF7F8}"/>
          </ac:spMkLst>
        </pc:spChg>
        <pc:spChg chg="del">
          <ac:chgData name="Manuel Lidauer" userId="b55e45dd-c6cc-461d-bef5-835fc172e678" providerId="ADAL" clId="{BCD0C6F6-2D95-4A66-B702-D3858BC1FC00}" dt="2019-09-26T09:01:01.231" v="205"/>
          <ac:spMkLst>
            <pc:docMk/>
            <pc:sldMk cId="1279582212" sldId="257"/>
            <ac:spMk id="141" creationId="{2B91124C-FE3F-40A0-80CD-5DB0F276475C}"/>
          </ac:spMkLst>
        </pc:spChg>
        <pc:spChg chg="del">
          <ac:chgData name="Manuel Lidauer" userId="b55e45dd-c6cc-461d-bef5-835fc172e678" providerId="ADAL" clId="{BCD0C6F6-2D95-4A66-B702-D3858BC1FC00}" dt="2019-09-26T09:01:01.232" v="207"/>
          <ac:spMkLst>
            <pc:docMk/>
            <pc:sldMk cId="1279582212" sldId="257"/>
            <ac:spMk id="142" creationId="{4BE8AA95-C54D-4178-9F4F-E6FAA80B4263}"/>
          </ac:spMkLst>
        </pc:spChg>
        <pc:spChg chg="del">
          <ac:chgData name="Manuel Lidauer" userId="b55e45dd-c6cc-461d-bef5-835fc172e678" providerId="ADAL" clId="{BCD0C6F6-2D95-4A66-B702-D3858BC1FC00}" dt="2019-09-26T09:01:01.233" v="209"/>
          <ac:spMkLst>
            <pc:docMk/>
            <pc:sldMk cId="1279582212" sldId="257"/>
            <ac:spMk id="143" creationId="{21FDB395-EEEE-4AD4-BBBB-F15E6F21C9E6}"/>
          </ac:spMkLst>
        </pc:spChg>
        <pc:spChg chg="del">
          <ac:chgData name="Manuel Lidauer" userId="b55e45dd-c6cc-461d-bef5-835fc172e678" providerId="ADAL" clId="{BCD0C6F6-2D95-4A66-B702-D3858BC1FC00}" dt="2019-09-26T09:01:01.233" v="210"/>
          <ac:spMkLst>
            <pc:docMk/>
            <pc:sldMk cId="1279582212" sldId="257"/>
            <ac:spMk id="144" creationId="{386B9B42-347F-47F2-8277-B2A7374C6AE5}"/>
          </ac:spMkLst>
        </pc:spChg>
        <pc:spChg chg="del">
          <ac:chgData name="Manuel Lidauer" userId="b55e45dd-c6cc-461d-bef5-835fc172e678" providerId="ADAL" clId="{BCD0C6F6-2D95-4A66-B702-D3858BC1FC00}" dt="2019-09-26T09:01:01.234" v="212"/>
          <ac:spMkLst>
            <pc:docMk/>
            <pc:sldMk cId="1279582212" sldId="257"/>
            <ac:spMk id="145" creationId="{5DD8A552-014D-444B-91E8-FA6791C12992}"/>
          </ac:spMkLst>
        </pc:spChg>
        <pc:spChg chg="del">
          <ac:chgData name="Manuel Lidauer" userId="b55e45dd-c6cc-461d-bef5-835fc172e678" providerId="ADAL" clId="{BCD0C6F6-2D95-4A66-B702-D3858BC1FC00}" dt="2019-09-26T09:01:01.234" v="214"/>
          <ac:spMkLst>
            <pc:docMk/>
            <pc:sldMk cId="1279582212" sldId="257"/>
            <ac:spMk id="146" creationId="{DCB13652-0E1E-49EB-91A7-2B47A2500D4F}"/>
          </ac:spMkLst>
        </pc:spChg>
        <pc:spChg chg="del">
          <ac:chgData name="Manuel Lidauer" userId="b55e45dd-c6cc-461d-bef5-835fc172e678" providerId="ADAL" clId="{BCD0C6F6-2D95-4A66-B702-D3858BC1FC00}" dt="2019-09-26T09:01:01.236" v="216"/>
          <ac:spMkLst>
            <pc:docMk/>
            <pc:sldMk cId="1279582212" sldId="257"/>
            <ac:spMk id="147" creationId="{30439CE8-BD08-4BA8-BB36-11208E13B92A}"/>
          </ac:spMkLst>
        </pc:spChg>
        <pc:spChg chg="del">
          <ac:chgData name="Manuel Lidauer" userId="b55e45dd-c6cc-461d-bef5-835fc172e678" providerId="ADAL" clId="{BCD0C6F6-2D95-4A66-B702-D3858BC1FC00}" dt="2019-09-26T09:01:01.237" v="218"/>
          <ac:spMkLst>
            <pc:docMk/>
            <pc:sldMk cId="1279582212" sldId="257"/>
            <ac:spMk id="148" creationId="{C4517667-AEE9-4ABD-AE8C-D5BA9414B53D}"/>
          </ac:spMkLst>
        </pc:spChg>
        <pc:spChg chg="del">
          <ac:chgData name="Manuel Lidauer" userId="b55e45dd-c6cc-461d-bef5-835fc172e678" providerId="ADAL" clId="{BCD0C6F6-2D95-4A66-B702-D3858BC1FC00}" dt="2019-09-26T09:01:01.238" v="220"/>
          <ac:spMkLst>
            <pc:docMk/>
            <pc:sldMk cId="1279582212" sldId="257"/>
            <ac:spMk id="149" creationId="{6EFB6997-AB72-41A0-8DAA-E544A8965E33}"/>
          </ac:spMkLst>
        </pc:spChg>
        <pc:spChg chg="del">
          <ac:chgData name="Manuel Lidauer" userId="b55e45dd-c6cc-461d-bef5-835fc172e678" providerId="ADAL" clId="{BCD0C6F6-2D95-4A66-B702-D3858BC1FC00}" dt="2019-09-26T09:01:01.238" v="222"/>
          <ac:spMkLst>
            <pc:docMk/>
            <pc:sldMk cId="1279582212" sldId="257"/>
            <ac:spMk id="150" creationId="{D8F6BF09-1C8C-4FA0-84CB-BFA699719A57}"/>
          </ac:spMkLst>
        </pc:spChg>
        <pc:spChg chg="del">
          <ac:chgData name="Manuel Lidauer" userId="b55e45dd-c6cc-461d-bef5-835fc172e678" providerId="ADAL" clId="{BCD0C6F6-2D95-4A66-B702-D3858BC1FC00}" dt="2019-09-26T09:01:01.239" v="224"/>
          <ac:spMkLst>
            <pc:docMk/>
            <pc:sldMk cId="1279582212" sldId="257"/>
            <ac:spMk id="151" creationId="{57835C2C-A81E-4D14-B870-B573F278984A}"/>
          </ac:spMkLst>
        </pc:spChg>
        <pc:spChg chg="del">
          <ac:chgData name="Manuel Lidauer" userId="b55e45dd-c6cc-461d-bef5-835fc172e678" providerId="ADAL" clId="{BCD0C6F6-2D95-4A66-B702-D3858BC1FC00}" dt="2019-09-26T09:01:01.239" v="225"/>
          <ac:spMkLst>
            <pc:docMk/>
            <pc:sldMk cId="1279582212" sldId="257"/>
            <ac:spMk id="152" creationId="{ADD09211-20E8-4FC3-B736-0B4404B7B14D}"/>
          </ac:spMkLst>
        </pc:spChg>
        <pc:spChg chg="del">
          <ac:chgData name="Manuel Lidauer" userId="b55e45dd-c6cc-461d-bef5-835fc172e678" providerId="ADAL" clId="{BCD0C6F6-2D95-4A66-B702-D3858BC1FC00}" dt="2019-09-26T09:01:01.240" v="227"/>
          <ac:spMkLst>
            <pc:docMk/>
            <pc:sldMk cId="1279582212" sldId="257"/>
            <ac:spMk id="153" creationId="{2B2AEC48-2D2F-4D15-AFAD-F30EE1939A41}"/>
          </ac:spMkLst>
        </pc:spChg>
        <pc:spChg chg="del">
          <ac:chgData name="Manuel Lidauer" userId="b55e45dd-c6cc-461d-bef5-835fc172e678" providerId="ADAL" clId="{BCD0C6F6-2D95-4A66-B702-D3858BC1FC00}" dt="2019-09-26T09:01:01.241" v="229"/>
          <ac:spMkLst>
            <pc:docMk/>
            <pc:sldMk cId="1279582212" sldId="257"/>
            <ac:spMk id="154" creationId="{78AC1EE7-4576-4145-ABA4-C147C7CE8F11}"/>
          </ac:spMkLst>
        </pc:spChg>
        <pc:spChg chg="del">
          <ac:chgData name="Manuel Lidauer" userId="b55e45dd-c6cc-461d-bef5-835fc172e678" providerId="ADAL" clId="{BCD0C6F6-2D95-4A66-B702-D3858BC1FC00}" dt="2019-09-26T09:01:01.241" v="231"/>
          <ac:spMkLst>
            <pc:docMk/>
            <pc:sldMk cId="1279582212" sldId="257"/>
            <ac:spMk id="155" creationId="{7FAE45C7-D8B4-4971-A864-5F56610867F9}"/>
          </ac:spMkLst>
        </pc:spChg>
        <pc:spChg chg="del">
          <ac:chgData name="Manuel Lidauer" userId="b55e45dd-c6cc-461d-bef5-835fc172e678" providerId="ADAL" clId="{BCD0C6F6-2D95-4A66-B702-D3858BC1FC00}" dt="2019-09-26T09:01:01.242" v="233"/>
          <ac:spMkLst>
            <pc:docMk/>
            <pc:sldMk cId="1279582212" sldId="257"/>
            <ac:spMk id="156" creationId="{28AC989F-2D0E-43B3-A413-A7E49CEDBDAA}"/>
          </ac:spMkLst>
        </pc:spChg>
        <pc:spChg chg="del">
          <ac:chgData name="Manuel Lidauer" userId="b55e45dd-c6cc-461d-bef5-835fc172e678" providerId="ADAL" clId="{BCD0C6F6-2D95-4A66-B702-D3858BC1FC00}" dt="2019-09-26T09:01:01.243" v="235"/>
          <ac:spMkLst>
            <pc:docMk/>
            <pc:sldMk cId="1279582212" sldId="257"/>
            <ac:spMk id="157" creationId="{7AC89EDC-2039-485A-9B12-F60B08E48F62}"/>
          </ac:spMkLst>
        </pc:spChg>
        <pc:spChg chg="del">
          <ac:chgData name="Manuel Lidauer" userId="b55e45dd-c6cc-461d-bef5-835fc172e678" providerId="ADAL" clId="{BCD0C6F6-2D95-4A66-B702-D3858BC1FC00}" dt="2019-09-26T09:01:01.243" v="237"/>
          <ac:spMkLst>
            <pc:docMk/>
            <pc:sldMk cId="1279582212" sldId="257"/>
            <ac:spMk id="158" creationId="{8B5F8297-5E54-45FD-8ADB-78C8AC88BE45}"/>
          </ac:spMkLst>
        </pc:spChg>
        <pc:spChg chg="del">
          <ac:chgData name="Manuel Lidauer" userId="b55e45dd-c6cc-461d-bef5-835fc172e678" providerId="ADAL" clId="{BCD0C6F6-2D95-4A66-B702-D3858BC1FC00}" dt="2019-09-26T09:01:01.244" v="239"/>
          <ac:spMkLst>
            <pc:docMk/>
            <pc:sldMk cId="1279582212" sldId="257"/>
            <ac:spMk id="159" creationId="{D486FE5A-E970-465A-8365-DD2ADBF71465}"/>
          </ac:spMkLst>
        </pc:spChg>
        <pc:spChg chg="del">
          <ac:chgData name="Manuel Lidauer" userId="b55e45dd-c6cc-461d-bef5-835fc172e678" providerId="ADAL" clId="{BCD0C6F6-2D95-4A66-B702-D3858BC1FC00}" dt="2019-09-26T09:01:01.244" v="240"/>
          <ac:spMkLst>
            <pc:docMk/>
            <pc:sldMk cId="1279582212" sldId="257"/>
            <ac:spMk id="160" creationId="{CB423EF3-96F8-4B04-AFEA-862550052323}"/>
          </ac:spMkLst>
        </pc:spChg>
        <pc:spChg chg="del">
          <ac:chgData name="Manuel Lidauer" userId="b55e45dd-c6cc-461d-bef5-835fc172e678" providerId="ADAL" clId="{BCD0C6F6-2D95-4A66-B702-D3858BC1FC00}" dt="2019-09-26T09:01:01.245" v="242"/>
          <ac:spMkLst>
            <pc:docMk/>
            <pc:sldMk cId="1279582212" sldId="257"/>
            <ac:spMk id="161" creationId="{97E19E46-E0E4-4C43-AD82-408044B58CBE}"/>
          </ac:spMkLst>
        </pc:spChg>
        <pc:spChg chg="del">
          <ac:chgData name="Manuel Lidauer" userId="b55e45dd-c6cc-461d-bef5-835fc172e678" providerId="ADAL" clId="{BCD0C6F6-2D95-4A66-B702-D3858BC1FC00}" dt="2019-09-26T09:01:01.246" v="244"/>
          <ac:spMkLst>
            <pc:docMk/>
            <pc:sldMk cId="1279582212" sldId="257"/>
            <ac:spMk id="162" creationId="{9C06D75D-7DD5-4AAE-A7A8-B5936C1247ED}"/>
          </ac:spMkLst>
        </pc:spChg>
        <pc:spChg chg="del">
          <ac:chgData name="Manuel Lidauer" userId="b55e45dd-c6cc-461d-bef5-835fc172e678" providerId="ADAL" clId="{BCD0C6F6-2D95-4A66-B702-D3858BC1FC00}" dt="2019-09-26T09:01:01.246" v="246"/>
          <ac:spMkLst>
            <pc:docMk/>
            <pc:sldMk cId="1279582212" sldId="257"/>
            <ac:spMk id="163" creationId="{35281C20-F64C-410D-A4AF-EB9EE5E62D12}"/>
          </ac:spMkLst>
        </pc:spChg>
        <pc:spChg chg="del">
          <ac:chgData name="Manuel Lidauer" userId="b55e45dd-c6cc-461d-bef5-835fc172e678" providerId="ADAL" clId="{BCD0C6F6-2D95-4A66-B702-D3858BC1FC00}" dt="2019-09-26T09:01:01.247" v="248"/>
          <ac:spMkLst>
            <pc:docMk/>
            <pc:sldMk cId="1279582212" sldId="257"/>
            <ac:spMk id="164" creationId="{6B6D11FB-3D43-4D84-BEFA-AFA1D7AF4553}"/>
          </ac:spMkLst>
        </pc:spChg>
        <pc:spChg chg="del">
          <ac:chgData name="Manuel Lidauer" userId="b55e45dd-c6cc-461d-bef5-835fc172e678" providerId="ADAL" clId="{BCD0C6F6-2D95-4A66-B702-D3858BC1FC00}" dt="2019-09-26T09:01:01.247" v="250"/>
          <ac:spMkLst>
            <pc:docMk/>
            <pc:sldMk cId="1279582212" sldId="257"/>
            <ac:spMk id="165" creationId="{AF6A9786-8D2A-471C-9889-C5B85D28758B}"/>
          </ac:spMkLst>
        </pc:spChg>
        <pc:spChg chg="del">
          <ac:chgData name="Manuel Lidauer" userId="b55e45dd-c6cc-461d-bef5-835fc172e678" providerId="ADAL" clId="{BCD0C6F6-2D95-4A66-B702-D3858BC1FC00}" dt="2019-09-26T09:01:01.248" v="252"/>
          <ac:spMkLst>
            <pc:docMk/>
            <pc:sldMk cId="1279582212" sldId="257"/>
            <ac:spMk id="166" creationId="{C08C7606-C054-4FC4-9ACC-32599F7BBA9F}"/>
          </ac:spMkLst>
        </pc:spChg>
        <pc:spChg chg="del">
          <ac:chgData name="Manuel Lidauer" userId="b55e45dd-c6cc-461d-bef5-835fc172e678" providerId="ADAL" clId="{BCD0C6F6-2D95-4A66-B702-D3858BC1FC00}" dt="2019-09-26T09:01:01.249" v="254"/>
          <ac:spMkLst>
            <pc:docMk/>
            <pc:sldMk cId="1279582212" sldId="257"/>
            <ac:spMk id="167" creationId="{405DD80C-2E23-4ECD-A032-0CFD922B7B27}"/>
          </ac:spMkLst>
        </pc:spChg>
        <pc:spChg chg="del">
          <ac:chgData name="Manuel Lidauer" userId="b55e45dd-c6cc-461d-bef5-835fc172e678" providerId="ADAL" clId="{BCD0C6F6-2D95-4A66-B702-D3858BC1FC00}" dt="2019-09-26T09:01:01.249" v="255"/>
          <ac:spMkLst>
            <pc:docMk/>
            <pc:sldMk cId="1279582212" sldId="257"/>
            <ac:spMk id="168" creationId="{E6BF3B17-1CFD-40D9-9A9F-C83E07F4B375}"/>
          </ac:spMkLst>
        </pc:spChg>
        <pc:spChg chg="del">
          <ac:chgData name="Manuel Lidauer" userId="b55e45dd-c6cc-461d-bef5-835fc172e678" providerId="ADAL" clId="{BCD0C6F6-2D95-4A66-B702-D3858BC1FC00}" dt="2019-09-26T09:01:01.250" v="257"/>
          <ac:spMkLst>
            <pc:docMk/>
            <pc:sldMk cId="1279582212" sldId="257"/>
            <ac:spMk id="169" creationId="{CB3C6A25-78BD-4E5E-BBA3-0C7142B8D3A1}"/>
          </ac:spMkLst>
        </pc:spChg>
        <pc:spChg chg="del">
          <ac:chgData name="Manuel Lidauer" userId="b55e45dd-c6cc-461d-bef5-835fc172e678" providerId="ADAL" clId="{BCD0C6F6-2D95-4A66-B702-D3858BC1FC00}" dt="2019-09-26T09:01:01.250" v="259"/>
          <ac:spMkLst>
            <pc:docMk/>
            <pc:sldMk cId="1279582212" sldId="257"/>
            <ac:spMk id="170" creationId="{86321AC6-F67A-4F59-8EED-F5FE5B0F9E3B}"/>
          </ac:spMkLst>
        </pc:spChg>
        <pc:spChg chg="del">
          <ac:chgData name="Manuel Lidauer" userId="b55e45dd-c6cc-461d-bef5-835fc172e678" providerId="ADAL" clId="{BCD0C6F6-2D95-4A66-B702-D3858BC1FC00}" dt="2019-09-26T09:01:01.252" v="261"/>
          <ac:spMkLst>
            <pc:docMk/>
            <pc:sldMk cId="1279582212" sldId="257"/>
            <ac:spMk id="171" creationId="{118130A2-93E1-4F78-97D3-A79861BB99B9}"/>
          </ac:spMkLst>
        </pc:spChg>
        <pc:spChg chg="del">
          <ac:chgData name="Manuel Lidauer" userId="b55e45dd-c6cc-461d-bef5-835fc172e678" providerId="ADAL" clId="{BCD0C6F6-2D95-4A66-B702-D3858BC1FC00}" dt="2019-09-26T09:01:01.252" v="263"/>
          <ac:spMkLst>
            <pc:docMk/>
            <pc:sldMk cId="1279582212" sldId="257"/>
            <ac:spMk id="172" creationId="{CD8F184D-3167-4FD9-B654-FB7CD749B36C}"/>
          </ac:spMkLst>
        </pc:spChg>
        <pc:spChg chg="del">
          <ac:chgData name="Manuel Lidauer" userId="b55e45dd-c6cc-461d-bef5-835fc172e678" providerId="ADAL" clId="{BCD0C6F6-2D95-4A66-B702-D3858BC1FC00}" dt="2019-09-26T09:01:01.253" v="265"/>
          <ac:spMkLst>
            <pc:docMk/>
            <pc:sldMk cId="1279582212" sldId="257"/>
            <ac:spMk id="173" creationId="{F77D70CC-575B-4979-B608-4D30D68A32AB}"/>
          </ac:spMkLst>
        </pc:spChg>
        <pc:spChg chg="del">
          <ac:chgData name="Manuel Lidauer" userId="b55e45dd-c6cc-461d-bef5-835fc172e678" providerId="ADAL" clId="{BCD0C6F6-2D95-4A66-B702-D3858BC1FC00}" dt="2019-09-26T09:01:01.254" v="267"/>
          <ac:spMkLst>
            <pc:docMk/>
            <pc:sldMk cId="1279582212" sldId="257"/>
            <ac:spMk id="174" creationId="{25AC2DCB-1B24-402B-A420-9E3EAEC820A2}"/>
          </ac:spMkLst>
        </pc:spChg>
        <pc:spChg chg="del">
          <ac:chgData name="Manuel Lidauer" userId="b55e45dd-c6cc-461d-bef5-835fc172e678" providerId="ADAL" clId="{BCD0C6F6-2D95-4A66-B702-D3858BC1FC00}" dt="2019-09-26T09:01:01.255" v="269"/>
          <ac:spMkLst>
            <pc:docMk/>
            <pc:sldMk cId="1279582212" sldId="257"/>
            <ac:spMk id="175" creationId="{9C622D59-B761-4E9F-9C34-341CDA220FD3}"/>
          </ac:spMkLst>
        </pc:spChg>
        <pc:spChg chg="del">
          <ac:chgData name="Manuel Lidauer" userId="b55e45dd-c6cc-461d-bef5-835fc172e678" providerId="ADAL" clId="{BCD0C6F6-2D95-4A66-B702-D3858BC1FC00}" dt="2019-09-26T09:01:01.255" v="270"/>
          <ac:spMkLst>
            <pc:docMk/>
            <pc:sldMk cId="1279582212" sldId="257"/>
            <ac:spMk id="176" creationId="{C730094E-EE9C-4319-A643-1191E990A179}"/>
          </ac:spMkLst>
        </pc:spChg>
        <pc:spChg chg="del">
          <ac:chgData name="Manuel Lidauer" userId="b55e45dd-c6cc-461d-bef5-835fc172e678" providerId="ADAL" clId="{BCD0C6F6-2D95-4A66-B702-D3858BC1FC00}" dt="2019-09-26T09:01:01.256" v="272"/>
          <ac:spMkLst>
            <pc:docMk/>
            <pc:sldMk cId="1279582212" sldId="257"/>
            <ac:spMk id="177" creationId="{F190F80B-B5EA-4F06-A2B7-B43960EE1EDD}"/>
          </ac:spMkLst>
        </pc:spChg>
        <pc:spChg chg="del">
          <ac:chgData name="Manuel Lidauer" userId="b55e45dd-c6cc-461d-bef5-835fc172e678" providerId="ADAL" clId="{BCD0C6F6-2D95-4A66-B702-D3858BC1FC00}" dt="2019-09-26T09:01:01.256" v="274"/>
          <ac:spMkLst>
            <pc:docMk/>
            <pc:sldMk cId="1279582212" sldId="257"/>
            <ac:spMk id="178" creationId="{CF320017-5861-4062-A9CC-B14495970A79}"/>
          </ac:spMkLst>
        </pc:spChg>
        <pc:spChg chg="del">
          <ac:chgData name="Manuel Lidauer" userId="b55e45dd-c6cc-461d-bef5-835fc172e678" providerId="ADAL" clId="{BCD0C6F6-2D95-4A66-B702-D3858BC1FC00}" dt="2019-09-26T09:01:01.257" v="276"/>
          <ac:spMkLst>
            <pc:docMk/>
            <pc:sldMk cId="1279582212" sldId="257"/>
            <ac:spMk id="179" creationId="{B3554F8D-3820-4EAC-AD49-80E7BA3A84DF}"/>
          </ac:spMkLst>
        </pc:spChg>
        <pc:spChg chg="del">
          <ac:chgData name="Manuel Lidauer" userId="b55e45dd-c6cc-461d-bef5-835fc172e678" providerId="ADAL" clId="{BCD0C6F6-2D95-4A66-B702-D3858BC1FC00}" dt="2019-09-26T09:01:01.258" v="278"/>
          <ac:spMkLst>
            <pc:docMk/>
            <pc:sldMk cId="1279582212" sldId="257"/>
            <ac:spMk id="180" creationId="{26DB308A-CD66-4F74-AFEB-8CA2D7786A21}"/>
          </ac:spMkLst>
        </pc:spChg>
        <pc:spChg chg="del">
          <ac:chgData name="Manuel Lidauer" userId="b55e45dd-c6cc-461d-bef5-835fc172e678" providerId="ADAL" clId="{BCD0C6F6-2D95-4A66-B702-D3858BC1FC00}" dt="2019-09-26T09:01:01.258" v="280"/>
          <ac:spMkLst>
            <pc:docMk/>
            <pc:sldMk cId="1279582212" sldId="257"/>
            <ac:spMk id="181" creationId="{D30A8C50-48A7-4C42-AE6F-49DE9D05D40F}"/>
          </ac:spMkLst>
        </pc:spChg>
        <pc:spChg chg="del">
          <ac:chgData name="Manuel Lidauer" userId="b55e45dd-c6cc-461d-bef5-835fc172e678" providerId="ADAL" clId="{BCD0C6F6-2D95-4A66-B702-D3858BC1FC00}" dt="2019-09-26T09:01:01.259" v="282"/>
          <ac:spMkLst>
            <pc:docMk/>
            <pc:sldMk cId="1279582212" sldId="257"/>
            <ac:spMk id="182" creationId="{C0AC7D87-D3F9-4968-94DD-57307D0292AF}"/>
          </ac:spMkLst>
        </pc:spChg>
        <pc:spChg chg="del">
          <ac:chgData name="Manuel Lidauer" userId="b55e45dd-c6cc-461d-bef5-835fc172e678" providerId="ADAL" clId="{BCD0C6F6-2D95-4A66-B702-D3858BC1FC00}" dt="2019-09-26T09:01:01.260" v="284"/>
          <ac:spMkLst>
            <pc:docMk/>
            <pc:sldMk cId="1279582212" sldId="257"/>
            <ac:spMk id="183" creationId="{B6CD9252-D571-44C1-A480-4A67F48AD358}"/>
          </ac:spMkLst>
        </pc:spChg>
        <pc:spChg chg="del">
          <ac:chgData name="Manuel Lidauer" userId="b55e45dd-c6cc-461d-bef5-835fc172e678" providerId="ADAL" clId="{BCD0C6F6-2D95-4A66-B702-D3858BC1FC00}" dt="2019-09-26T09:01:01.260" v="285"/>
          <ac:spMkLst>
            <pc:docMk/>
            <pc:sldMk cId="1279582212" sldId="257"/>
            <ac:spMk id="184" creationId="{D76E0D7E-7976-4EBD-AD56-873C84B41D00}"/>
          </ac:spMkLst>
        </pc:spChg>
        <pc:spChg chg="del">
          <ac:chgData name="Manuel Lidauer" userId="b55e45dd-c6cc-461d-bef5-835fc172e678" providerId="ADAL" clId="{BCD0C6F6-2D95-4A66-B702-D3858BC1FC00}" dt="2019-09-26T09:01:01.261" v="287"/>
          <ac:spMkLst>
            <pc:docMk/>
            <pc:sldMk cId="1279582212" sldId="257"/>
            <ac:spMk id="185" creationId="{8616C9D4-5F27-427C-AA5E-7E38B5654DD4}"/>
          </ac:spMkLst>
        </pc:spChg>
        <pc:spChg chg="del">
          <ac:chgData name="Manuel Lidauer" userId="b55e45dd-c6cc-461d-bef5-835fc172e678" providerId="ADAL" clId="{BCD0C6F6-2D95-4A66-B702-D3858BC1FC00}" dt="2019-09-26T09:01:01.261" v="289"/>
          <ac:spMkLst>
            <pc:docMk/>
            <pc:sldMk cId="1279582212" sldId="257"/>
            <ac:spMk id="186" creationId="{2230C4D9-6E6D-4161-8C3A-27472BEAB30E}"/>
          </ac:spMkLst>
        </pc:spChg>
        <pc:spChg chg="del">
          <ac:chgData name="Manuel Lidauer" userId="b55e45dd-c6cc-461d-bef5-835fc172e678" providerId="ADAL" clId="{BCD0C6F6-2D95-4A66-B702-D3858BC1FC00}" dt="2019-09-26T09:01:01.262" v="291"/>
          <ac:spMkLst>
            <pc:docMk/>
            <pc:sldMk cId="1279582212" sldId="257"/>
            <ac:spMk id="187" creationId="{4E31A766-36DA-4878-A858-F07E49396F7F}"/>
          </ac:spMkLst>
        </pc:spChg>
        <pc:spChg chg="del">
          <ac:chgData name="Manuel Lidauer" userId="b55e45dd-c6cc-461d-bef5-835fc172e678" providerId="ADAL" clId="{BCD0C6F6-2D95-4A66-B702-D3858BC1FC00}" dt="2019-09-26T09:01:01.262" v="293"/>
          <ac:spMkLst>
            <pc:docMk/>
            <pc:sldMk cId="1279582212" sldId="257"/>
            <ac:spMk id="188" creationId="{53A64E92-8106-418B-AD6E-34EB263A4A88}"/>
          </ac:spMkLst>
        </pc:spChg>
        <pc:spChg chg="del">
          <ac:chgData name="Manuel Lidauer" userId="b55e45dd-c6cc-461d-bef5-835fc172e678" providerId="ADAL" clId="{BCD0C6F6-2D95-4A66-B702-D3858BC1FC00}" dt="2019-09-26T09:01:01.263" v="295"/>
          <ac:spMkLst>
            <pc:docMk/>
            <pc:sldMk cId="1279582212" sldId="257"/>
            <ac:spMk id="189" creationId="{1BC0FDF9-C2C2-468D-BFC5-4C27D686B125}"/>
          </ac:spMkLst>
        </pc:spChg>
        <pc:spChg chg="del">
          <ac:chgData name="Manuel Lidauer" userId="b55e45dd-c6cc-461d-bef5-835fc172e678" providerId="ADAL" clId="{BCD0C6F6-2D95-4A66-B702-D3858BC1FC00}" dt="2019-09-26T09:01:01.264" v="297"/>
          <ac:spMkLst>
            <pc:docMk/>
            <pc:sldMk cId="1279582212" sldId="257"/>
            <ac:spMk id="190" creationId="{E0BC0FA0-B4DD-4435-B7B7-D6B8F0E9DA6E}"/>
          </ac:spMkLst>
        </pc:spChg>
        <pc:spChg chg="del">
          <ac:chgData name="Manuel Lidauer" userId="b55e45dd-c6cc-461d-bef5-835fc172e678" providerId="ADAL" clId="{BCD0C6F6-2D95-4A66-B702-D3858BC1FC00}" dt="2019-09-26T09:01:01.264" v="299"/>
          <ac:spMkLst>
            <pc:docMk/>
            <pc:sldMk cId="1279582212" sldId="257"/>
            <ac:spMk id="191" creationId="{29EF1549-4887-4441-B0BC-6D7CB7BEBDD5}"/>
          </ac:spMkLst>
        </pc:spChg>
        <pc:spChg chg="del">
          <ac:chgData name="Manuel Lidauer" userId="b55e45dd-c6cc-461d-bef5-835fc172e678" providerId="ADAL" clId="{BCD0C6F6-2D95-4A66-B702-D3858BC1FC00}" dt="2019-09-26T09:01:01.265" v="300"/>
          <ac:spMkLst>
            <pc:docMk/>
            <pc:sldMk cId="1279582212" sldId="257"/>
            <ac:spMk id="192" creationId="{BD717A38-817B-4AEF-BCCD-D321061F43C9}"/>
          </ac:spMkLst>
        </pc:spChg>
        <pc:spChg chg="del">
          <ac:chgData name="Manuel Lidauer" userId="b55e45dd-c6cc-461d-bef5-835fc172e678" providerId="ADAL" clId="{BCD0C6F6-2D95-4A66-B702-D3858BC1FC00}" dt="2019-09-26T09:01:01.265" v="302"/>
          <ac:spMkLst>
            <pc:docMk/>
            <pc:sldMk cId="1279582212" sldId="257"/>
            <ac:spMk id="193" creationId="{57A5A10C-D649-4D62-9D66-957C5C699BAB}"/>
          </ac:spMkLst>
        </pc:spChg>
        <pc:spChg chg="del">
          <ac:chgData name="Manuel Lidauer" userId="b55e45dd-c6cc-461d-bef5-835fc172e678" providerId="ADAL" clId="{BCD0C6F6-2D95-4A66-B702-D3858BC1FC00}" dt="2019-09-26T09:01:01.266" v="304"/>
          <ac:spMkLst>
            <pc:docMk/>
            <pc:sldMk cId="1279582212" sldId="257"/>
            <ac:spMk id="194" creationId="{2AD5C8B2-DF5A-49BD-A187-7ADA0E1E30CE}"/>
          </ac:spMkLst>
        </pc:spChg>
        <pc:spChg chg="del">
          <ac:chgData name="Manuel Lidauer" userId="b55e45dd-c6cc-461d-bef5-835fc172e678" providerId="ADAL" clId="{BCD0C6F6-2D95-4A66-B702-D3858BC1FC00}" dt="2019-09-26T09:01:01.267" v="306"/>
          <ac:spMkLst>
            <pc:docMk/>
            <pc:sldMk cId="1279582212" sldId="257"/>
            <ac:spMk id="195" creationId="{CE90FD6C-21C5-4834-BFB2-18EBCFD449C5}"/>
          </ac:spMkLst>
        </pc:spChg>
        <pc:spChg chg="del">
          <ac:chgData name="Manuel Lidauer" userId="b55e45dd-c6cc-461d-bef5-835fc172e678" providerId="ADAL" clId="{BCD0C6F6-2D95-4A66-B702-D3858BC1FC00}" dt="2019-09-26T09:01:01.267" v="308"/>
          <ac:spMkLst>
            <pc:docMk/>
            <pc:sldMk cId="1279582212" sldId="257"/>
            <ac:spMk id="196" creationId="{34C83C01-185D-42F6-9B33-628EF05615EB}"/>
          </ac:spMkLst>
        </pc:spChg>
        <pc:spChg chg="del">
          <ac:chgData name="Manuel Lidauer" userId="b55e45dd-c6cc-461d-bef5-835fc172e678" providerId="ADAL" clId="{BCD0C6F6-2D95-4A66-B702-D3858BC1FC00}" dt="2019-09-26T09:01:01.268" v="310"/>
          <ac:spMkLst>
            <pc:docMk/>
            <pc:sldMk cId="1279582212" sldId="257"/>
            <ac:spMk id="197" creationId="{2DB4019D-C89E-4707-A513-E32E533611EE}"/>
          </ac:spMkLst>
        </pc:spChg>
        <pc:spChg chg="del">
          <ac:chgData name="Manuel Lidauer" userId="b55e45dd-c6cc-461d-bef5-835fc172e678" providerId="ADAL" clId="{BCD0C6F6-2D95-4A66-B702-D3858BC1FC00}" dt="2019-09-26T09:01:01.269" v="312"/>
          <ac:spMkLst>
            <pc:docMk/>
            <pc:sldMk cId="1279582212" sldId="257"/>
            <ac:spMk id="198" creationId="{FAEFBCDC-9A26-46F0-AFEF-29B70B23E8C9}"/>
          </ac:spMkLst>
        </pc:spChg>
        <pc:spChg chg="del">
          <ac:chgData name="Manuel Lidauer" userId="b55e45dd-c6cc-461d-bef5-835fc172e678" providerId="ADAL" clId="{BCD0C6F6-2D95-4A66-B702-D3858BC1FC00}" dt="2019-09-26T09:01:01.270" v="314"/>
          <ac:spMkLst>
            <pc:docMk/>
            <pc:sldMk cId="1279582212" sldId="257"/>
            <ac:spMk id="199" creationId="{8072FC4B-4CA2-4586-9AF9-42972CEF97F8}"/>
          </ac:spMkLst>
        </pc:spChg>
        <pc:spChg chg="del">
          <ac:chgData name="Manuel Lidauer" userId="b55e45dd-c6cc-461d-bef5-835fc172e678" providerId="ADAL" clId="{BCD0C6F6-2D95-4A66-B702-D3858BC1FC00}" dt="2019-09-26T09:01:01.270" v="315"/>
          <ac:spMkLst>
            <pc:docMk/>
            <pc:sldMk cId="1279582212" sldId="257"/>
            <ac:spMk id="200" creationId="{9CE431DA-64B1-4AF1-8F78-33A19CC44143}"/>
          </ac:spMkLst>
        </pc:spChg>
        <pc:spChg chg="del">
          <ac:chgData name="Manuel Lidauer" userId="b55e45dd-c6cc-461d-bef5-835fc172e678" providerId="ADAL" clId="{BCD0C6F6-2D95-4A66-B702-D3858BC1FC00}" dt="2019-09-26T09:01:01.271" v="317"/>
          <ac:spMkLst>
            <pc:docMk/>
            <pc:sldMk cId="1279582212" sldId="257"/>
            <ac:spMk id="201" creationId="{BAEC005D-4152-4C6A-8E17-91756EE5DD85}"/>
          </ac:spMkLst>
        </pc:spChg>
        <pc:spChg chg="del">
          <ac:chgData name="Manuel Lidauer" userId="b55e45dd-c6cc-461d-bef5-835fc172e678" providerId="ADAL" clId="{BCD0C6F6-2D95-4A66-B702-D3858BC1FC00}" dt="2019-09-26T09:01:01.271" v="319"/>
          <ac:spMkLst>
            <pc:docMk/>
            <pc:sldMk cId="1279582212" sldId="257"/>
            <ac:spMk id="202" creationId="{90E09259-A8DD-462D-8B56-19351429BD15}"/>
          </ac:spMkLst>
        </pc:spChg>
        <pc:spChg chg="del">
          <ac:chgData name="Manuel Lidauer" userId="b55e45dd-c6cc-461d-bef5-835fc172e678" providerId="ADAL" clId="{BCD0C6F6-2D95-4A66-B702-D3858BC1FC00}" dt="2019-09-26T09:01:01.272" v="321"/>
          <ac:spMkLst>
            <pc:docMk/>
            <pc:sldMk cId="1279582212" sldId="257"/>
            <ac:spMk id="203" creationId="{73618DB1-E43E-4FD3-B264-3ED32152334C}"/>
          </ac:spMkLst>
        </pc:spChg>
        <pc:spChg chg="del">
          <ac:chgData name="Manuel Lidauer" userId="b55e45dd-c6cc-461d-bef5-835fc172e678" providerId="ADAL" clId="{BCD0C6F6-2D95-4A66-B702-D3858BC1FC00}" dt="2019-09-26T09:01:01.273" v="323"/>
          <ac:spMkLst>
            <pc:docMk/>
            <pc:sldMk cId="1279582212" sldId="257"/>
            <ac:spMk id="204" creationId="{069BAF8E-59CC-4F7B-85D4-E1F67CE2AEE9}"/>
          </ac:spMkLst>
        </pc:spChg>
        <pc:spChg chg="del">
          <ac:chgData name="Manuel Lidauer" userId="b55e45dd-c6cc-461d-bef5-835fc172e678" providerId="ADAL" clId="{BCD0C6F6-2D95-4A66-B702-D3858BC1FC00}" dt="2019-09-26T09:01:01.273" v="325"/>
          <ac:spMkLst>
            <pc:docMk/>
            <pc:sldMk cId="1279582212" sldId="257"/>
            <ac:spMk id="205" creationId="{740021EC-3096-44B2-B876-C68F10AC5F82}"/>
          </ac:spMkLst>
        </pc:spChg>
        <pc:spChg chg="del">
          <ac:chgData name="Manuel Lidauer" userId="b55e45dd-c6cc-461d-bef5-835fc172e678" providerId="ADAL" clId="{BCD0C6F6-2D95-4A66-B702-D3858BC1FC00}" dt="2019-09-26T09:01:01.274" v="327"/>
          <ac:spMkLst>
            <pc:docMk/>
            <pc:sldMk cId="1279582212" sldId="257"/>
            <ac:spMk id="206" creationId="{E8FD7EF4-14B6-4818-BF9B-C3DD368892C2}"/>
          </ac:spMkLst>
        </pc:spChg>
        <pc:spChg chg="del">
          <ac:chgData name="Manuel Lidauer" userId="b55e45dd-c6cc-461d-bef5-835fc172e678" providerId="ADAL" clId="{BCD0C6F6-2D95-4A66-B702-D3858BC1FC00}" dt="2019-09-26T09:01:01.275" v="329"/>
          <ac:spMkLst>
            <pc:docMk/>
            <pc:sldMk cId="1279582212" sldId="257"/>
            <ac:spMk id="207" creationId="{BEBCDBA5-BCF0-41A9-BC4E-7892B3545413}"/>
          </ac:spMkLst>
        </pc:spChg>
        <pc:spChg chg="del">
          <ac:chgData name="Manuel Lidauer" userId="b55e45dd-c6cc-461d-bef5-835fc172e678" providerId="ADAL" clId="{BCD0C6F6-2D95-4A66-B702-D3858BC1FC00}" dt="2019-09-26T09:01:01.275" v="330"/>
          <ac:spMkLst>
            <pc:docMk/>
            <pc:sldMk cId="1279582212" sldId="257"/>
            <ac:spMk id="208" creationId="{20C07D6C-86E1-469E-9E54-B8E576D63D0F}"/>
          </ac:spMkLst>
        </pc:spChg>
        <pc:spChg chg="del">
          <ac:chgData name="Manuel Lidauer" userId="b55e45dd-c6cc-461d-bef5-835fc172e678" providerId="ADAL" clId="{BCD0C6F6-2D95-4A66-B702-D3858BC1FC00}" dt="2019-09-26T09:01:01.276" v="332"/>
          <ac:spMkLst>
            <pc:docMk/>
            <pc:sldMk cId="1279582212" sldId="257"/>
            <ac:spMk id="209" creationId="{6001DE01-C026-4F59-99D4-91A38CCC7985}"/>
          </ac:spMkLst>
        </pc:spChg>
        <pc:spChg chg="del">
          <ac:chgData name="Manuel Lidauer" userId="b55e45dd-c6cc-461d-bef5-835fc172e678" providerId="ADAL" clId="{BCD0C6F6-2D95-4A66-B702-D3858BC1FC00}" dt="2019-09-26T09:01:01.276" v="334"/>
          <ac:spMkLst>
            <pc:docMk/>
            <pc:sldMk cId="1279582212" sldId="257"/>
            <ac:spMk id="210" creationId="{1766B2DD-96DC-4F2B-8AA8-22B336DB4E62}"/>
          </ac:spMkLst>
        </pc:spChg>
        <pc:spChg chg="del">
          <ac:chgData name="Manuel Lidauer" userId="b55e45dd-c6cc-461d-bef5-835fc172e678" providerId="ADAL" clId="{BCD0C6F6-2D95-4A66-B702-D3858BC1FC00}" dt="2019-09-26T09:01:01.277" v="336"/>
          <ac:spMkLst>
            <pc:docMk/>
            <pc:sldMk cId="1279582212" sldId="257"/>
            <ac:spMk id="211" creationId="{6881091E-72C4-4486-B631-F1D7187F3521}"/>
          </ac:spMkLst>
        </pc:spChg>
        <pc:spChg chg="del">
          <ac:chgData name="Manuel Lidauer" userId="b55e45dd-c6cc-461d-bef5-835fc172e678" providerId="ADAL" clId="{BCD0C6F6-2D95-4A66-B702-D3858BC1FC00}" dt="2019-09-26T09:01:01.278" v="338"/>
          <ac:spMkLst>
            <pc:docMk/>
            <pc:sldMk cId="1279582212" sldId="257"/>
            <ac:spMk id="212" creationId="{D8F642F4-B9E3-4A72-85C8-46A7C233B51A}"/>
          </ac:spMkLst>
        </pc:spChg>
        <pc:spChg chg="del">
          <ac:chgData name="Manuel Lidauer" userId="b55e45dd-c6cc-461d-bef5-835fc172e678" providerId="ADAL" clId="{BCD0C6F6-2D95-4A66-B702-D3858BC1FC00}" dt="2019-09-26T09:01:01.278" v="340"/>
          <ac:spMkLst>
            <pc:docMk/>
            <pc:sldMk cId="1279582212" sldId="257"/>
            <ac:spMk id="213" creationId="{73BBF15C-3120-402E-B3D6-0013C5527E0A}"/>
          </ac:spMkLst>
        </pc:spChg>
        <pc:spChg chg="del">
          <ac:chgData name="Manuel Lidauer" userId="b55e45dd-c6cc-461d-bef5-835fc172e678" providerId="ADAL" clId="{BCD0C6F6-2D95-4A66-B702-D3858BC1FC00}" dt="2019-09-26T09:01:01.279" v="342"/>
          <ac:spMkLst>
            <pc:docMk/>
            <pc:sldMk cId="1279582212" sldId="257"/>
            <ac:spMk id="214" creationId="{3BFB85C1-C5D5-448A-8BE1-B3D7241E5F9C}"/>
          </ac:spMkLst>
        </pc:spChg>
        <pc:spChg chg="del">
          <ac:chgData name="Manuel Lidauer" userId="b55e45dd-c6cc-461d-bef5-835fc172e678" providerId="ADAL" clId="{BCD0C6F6-2D95-4A66-B702-D3858BC1FC00}" dt="2019-09-26T09:01:01.279" v="344"/>
          <ac:spMkLst>
            <pc:docMk/>
            <pc:sldMk cId="1279582212" sldId="257"/>
            <ac:spMk id="215" creationId="{5A4EF43F-6B0F-42D9-891C-CDDFB3E32082}"/>
          </ac:spMkLst>
        </pc:spChg>
        <pc:spChg chg="del">
          <ac:chgData name="Manuel Lidauer" userId="b55e45dd-c6cc-461d-bef5-835fc172e678" providerId="ADAL" clId="{BCD0C6F6-2D95-4A66-B702-D3858BC1FC00}" dt="2019-09-26T09:01:01.280" v="345"/>
          <ac:spMkLst>
            <pc:docMk/>
            <pc:sldMk cId="1279582212" sldId="257"/>
            <ac:spMk id="216" creationId="{7DBCEEE6-651D-42CD-91B9-8546F770AA44}"/>
          </ac:spMkLst>
        </pc:spChg>
        <pc:spChg chg="del">
          <ac:chgData name="Manuel Lidauer" userId="b55e45dd-c6cc-461d-bef5-835fc172e678" providerId="ADAL" clId="{BCD0C6F6-2D95-4A66-B702-D3858BC1FC00}" dt="2019-09-26T09:01:01.281" v="347"/>
          <ac:spMkLst>
            <pc:docMk/>
            <pc:sldMk cId="1279582212" sldId="257"/>
            <ac:spMk id="217" creationId="{BF6421AC-75DA-4DB9-A724-DC8F77C5E490}"/>
          </ac:spMkLst>
        </pc:spChg>
        <pc:spChg chg="del">
          <ac:chgData name="Manuel Lidauer" userId="b55e45dd-c6cc-461d-bef5-835fc172e678" providerId="ADAL" clId="{BCD0C6F6-2D95-4A66-B702-D3858BC1FC00}" dt="2019-09-26T09:01:01.281" v="349"/>
          <ac:spMkLst>
            <pc:docMk/>
            <pc:sldMk cId="1279582212" sldId="257"/>
            <ac:spMk id="218" creationId="{30DF26E4-EA13-4D14-91FF-93464794A9D5}"/>
          </ac:spMkLst>
        </pc:spChg>
        <pc:spChg chg="del">
          <ac:chgData name="Manuel Lidauer" userId="b55e45dd-c6cc-461d-bef5-835fc172e678" providerId="ADAL" clId="{BCD0C6F6-2D95-4A66-B702-D3858BC1FC00}" dt="2019-09-26T09:01:01.282" v="351"/>
          <ac:spMkLst>
            <pc:docMk/>
            <pc:sldMk cId="1279582212" sldId="257"/>
            <ac:spMk id="219" creationId="{2624A56E-EF52-411A-B968-B825D5A042A1}"/>
          </ac:spMkLst>
        </pc:spChg>
        <pc:spChg chg="del">
          <ac:chgData name="Manuel Lidauer" userId="b55e45dd-c6cc-461d-bef5-835fc172e678" providerId="ADAL" clId="{BCD0C6F6-2D95-4A66-B702-D3858BC1FC00}" dt="2019-09-26T09:01:01.283" v="353"/>
          <ac:spMkLst>
            <pc:docMk/>
            <pc:sldMk cId="1279582212" sldId="257"/>
            <ac:spMk id="220" creationId="{43F6B8D4-554E-40BF-B94E-14779174DB54}"/>
          </ac:spMkLst>
        </pc:spChg>
        <pc:spChg chg="del">
          <ac:chgData name="Manuel Lidauer" userId="b55e45dd-c6cc-461d-bef5-835fc172e678" providerId="ADAL" clId="{BCD0C6F6-2D95-4A66-B702-D3858BC1FC00}" dt="2019-09-26T09:01:01.283" v="355"/>
          <ac:spMkLst>
            <pc:docMk/>
            <pc:sldMk cId="1279582212" sldId="257"/>
            <ac:spMk id="221" creationId="{6737E816-F095-4056-B453-5E1A432E0982}"/>
          </ac:spMkLst>
        </pc:spChg>
        <pc:spChg chg="del">
          <ac:chgData name="Manuel Lidauer" userId="b55e45dd-c6cc-461d-bef5-835fc172e678" providerId="ADAL" clId="{BCD0C6F6-2D95-4A66-B702-D3858BC1FC00}" dt="2019-09-26T09:01:01.284" v="357"/>
          <ac:spMkLst>
            <pc:docMk/>
            <pc:sldMk cId="1279582212" sldId="257"/>
            <ac:spMk id="222" creationId="{F4FA24B9-4A79-471E-BD4D-C868B0675FD8}"/>
          </ac:spMkLst>
        </pc:spChg>
        <pc:spChg chg="del">
          <ac:chgData name="Manuel Lidauer" userId="b55e45dd-c6cc-461d-bef5-835fc172e678" providerId="ADAL" clId="{BCD0C6F6-2D95-4A66-B702-D3858BC1FC00}" dt="2019-09-26T09:01:01.285" v="359"/>
          <ac:spMkLst>
            <pc:docMk/>
            <pc:sldMk cId="1279582212" sldId="257"/>
            <ac:spMk id="223" creationId="{36F32045-8CBE-4193-8B85-725A9F542F69}"/>
          </ac:spMkLst>
        </pc:spChg>
        <pc:spChg chg="del">
          <ac:chgData name="Manuel Lidauer" userId="b55e45dd-c6cc-461d-bef5-835fc172e678" providerId="ADAL" clId="{BCD0C6F6-2D95-4A66-B702-D3858BC1FC00}" dt="2019-09-26T09:01:01.286" v="360"/>
          <ac:spMkLst>
            <pc:docMk/>
            <pc:sldMk cId="1279582212" sldId="257"/>
            <ac:spMk id="224" creationId="{623044C0-097E-494C-BDD8-E8A05779F22A}"/>
          </ac:spMkLst>
        </pc:spChg>
        <pc:spChg chg="del">
          <ac:chgData name="Manuel Lidauer" userId="b55e45dd-c6cc-461d-bef5-835fc172e678" providerId="ADAL" clId="{BCD0C6F6-2D95-4A66-B702-D3858BC1FC00}" dt="2019-09-26T09:01:01.286" v="362"/>
          <ac:spMkLst>
            <pc:docMk/>
            <pc:sldMk cId="1279582212" sldId="257"/>
            <ac:spMk id="225" creationId="{2C56BD1C-02EF-4D7D-A4E3-796DDB4AE56C}"/>
          </ac:spMkLst>
        </pc:spChg>
        <pc:spChg chg="del">
          <ac:chgData name="Manuel Lidauer" userId="b55e45dd-c6cc-461d-bef5-835fc172e678" providerId="ADAL" clId="{BCD0C6F6-2D95-4A66-B702-D3858BC1FC00}" dt="2019-09-26T09:01:01.287" v="364"/>
          <ac:spMkLst>
            <pc:docMk/>
            <pc:sldMk cId="1279582212" sldId="257"/>
            <ac:spMk id="226" creationId="{5DE8B680-F00C-4153-B208-CCF66AAA021E}"/>
          </ac:spMkLst>
        </pc:spChg>
        <pc:spChg chg="del">
          <ac:chgData name="Manuel Lidauer" userId="b55e45dd-c6cc-461d-bef5-835fc172e678" providerId="ADAL" clId="{BCD0C6F6-2D95-4A66-B702-D3858BC1FC00}" dt="2019-09-26T09:01:01.288" v="366"/>
          <ac:spMkLst>
            <pc:docMk/>
            <pc:sldMk cId="1279582212" sldId="257"/>
            <ac:spMk id="227" creationId="{3EDBBF52-0985-4B06-A10C-E679B37A5976}"/>
          </ac:spMkLst>
        </pc:spChg>
        <pc:spChg chg="del">
          <ac:chgData name="Manuel Lidauer" userId="b55e45dd-c6cc-461d-bef5-835fc172e678" providerId="ADAL" clId="{BCD0C6F6-2D95-4A66-B702-D3858BC1FC00}" dt="2019-09-26T09:01:01.288" v="368"/>
          <ac:spMkLst>
            <pc:docMk/>
            <pc:sldMk cId="1279582212" sldId="257"/>
            <ac:spMk id="228" creationId="{35D27DD1-89AC-48D7-A2F4-4C11E1E91B10}"/>
          </ac:spMkLst>
        </pc:spChg>
        <pc:spChg chg="del">
          <ac:chgData name="Manuel Lidauer" userId="b55e45dd-c6cc-461d-bef5-835fc172e678" providerId="ADAL" clId="{BCD0C6F6-2D95-4A66-B702-D3858BC1FC00}" dt="2019-09-26T09:01:01.289" v="370"/>
          <ac:spMkLst>
            <pc:docMk/>
            <pc:sldMk cId="1279582212" sldId="257"/>
            <ac:spMk id="229" creationId="{E82EBD4A-E350-453C-9E9C-EDDCA7E58BED}"/>
          </ac:spMkLst>
        </pc:spChg>
        <pc:spChg chg="del">
          <ac:chgData name="Manuel Lidauer" userId="b55e45dd-c6cc-461d-bef5-835fc172e678" providerId="ADAL" clId="{BCD0C6F6-2D95-4A66-B702-D3858BC1FC00}" dt="2019-09-26T09:01:01.289" v="372"/>
          <ac:spMkLst>
            <pc:docMk/>
            <pc:sldMk cId="1279582212" sldId="257"/>
            <ac:spMk id="230" creationId="{206887BF-ACD4-48C6-9DA7-11AC5AF20767}"/>
          </ac:spMkLst>
        </pc:spChg>
        <pc:spChg chg="del">
          <ac:chgData name="Manuel Lidauer" userId="b55e45dd-c6cc-461d-bef5-835fc172e678" providerId="ADAL" clId="{BCD0C6F6-2D95-4A66-B702-D3858BC1FC00}" dt="2019-09-26T09:01:01.290" v="374"/>
          <ac:spMkLst>
            <pc:docMk/>
            <pc:sldMk cId="1279582212" sldId="257"/>
            <ac:spMk id="231" creationId="{8D343AD2-84F5-4671-A8D3-FEDC9591CEDE}"/>
          </ac:spMkLst>
        </pc:spChg>
        <pc:spChg chg="del">
          <ac:chgData name="Manuel Lidauer" userId="b55e45dd-c6cc-461d-bef5-835fc172e678" providerId="ADAL" clId="{BCD0C6F6-2D95-4A66-B702-D3858BC1FC00}" dt="2019-09-26T09:01:01.290" v="375"/>
          <ac:spMkLst>
            <pc:docMk/>
            <pc:sldMk cId="1279582212" sldId="257"/>
            <ac:spMk id="232" creationId="{87271A55-4178-4B10-908D-D1EF4E95C393}"/>
          </ac:spMkLst>
        </pc:spChg>
        <pc:spChg chg="del">
          <ac:chgData name="Manuel Lidauer" userId="b55e45dd-c6cc-461d-bef5-835fc172e678" providerId="ADAL" clId="{BCD0C6F6-2D95-4A66-B702-D3858BC1FC00}" dt="2019-09-26T09:01:01.291" v="377"/>
          <ac:spMkLst>
            <pc:docMk/>
            <pc:sldMk cId="1279582212" sldId="257"/>
            <ac:spMk id="233" creationId="{61561F1A-D989-4DEE-92D4-62D085AC8978}"/>
          </ac:spMkLst>
        </pc:spChg>
        <pc:spChg chg="del">
          <ac:chgData name="Manuel Lidauer" userId="b55e45dd-c6cc-461d-bef5-835fc172e678" providerId="ADAL" clId="{BCD0C6F6-2D95-4A66-B702-D3858BC1FC00}" dt="2019-09-26T09:01:01.292" v="379"/>
          <ac:spMkLst>
            <pc:docMk/>
            <pc:sldMk cId="1279582212" sldId="257"/>
            <ac:spMk id="234" creationId="{09C7F65F-CECB-46DC-83C2-A810001923BC}"/>
          </ac:spMkLst>
        </pc:spChg>
        <pc:spChg chg="del">
          <ac:chgData name="Manuel Lidauer" userId="b55e45dd-c6cc-461d-bef5-835fc172e678" providerId="ADAL" clId="{BCD0C6F6-2D95-4A66-B702-D3858BC1FC00}" dt="2019-09-26T09:01:01.292" v="381"/>
          <ac:spMkLst>
            <pc:docMk/>
            <pc:sldMk cId="1279582212" sldId="257"/>
            <ac:spMk id="235" creationId="{C648774A-2C41-473E-8109-AD7FA1500A00}"/>
          </ac:spMkLst>
        </pc:spChg>
        <pc:spChg chg="del">
          <ac:chgData name="Manuel Lidauer" userId="b55e45dd-c6cc-461d-bef5-835fc172e678" providerId="ADAL" clId="{BCD0C6F6-2D95-4A66-B702-D3858BC1FC00}" dt="2019-09-26T09:01:01.293" v="383"/>
          <ac:spMkLst>
            <pc:docMk/>
            <pc:sldMk cId="1279582212" sldId="257"/>
            <ac:spMk id="236" creationId="{E8DEF0D7-3BA9-49EB-84CE-CD83157DD543}"/>
          </ac:spMkLst>
        </pc:spChg>
        <pc:spChg chg="del">
          <ac:chgData name="Manuel Lidauer" userId="b55e45dd-c6cc-461d-bef5-835fc172e678" providerId="ADAL" clId="{BCD0C6F6-2D95-4A66-B702-D3858BC1FC00}" dt="2019-09-26T09:01:01.294" v="385"/>
          <ac:spMkLst>
            <pc:docMk/>
            <pc:sldMk cId="1279582212" sldId="257"/>
            <ac:spMk id="237" creationId="{CA431A6C-21FB-46D4-8CB5-EF66AF1EA79A}"/>
          </ac:spMkLst>
        </pc:spChg>
        <pc:spChg chg="del">
          <ac:chgData name="Manuel Lidauer" userId="b55e45dd-c6cc-461d-bef5-835fc172e678" providerId="ADAL" clId="{BCD0C6F6-2D95-4A66-B702-D3858BC1FC00}" dt="2019-09-26T09:01:01.294" v="387"/>
          <ac:spMkLst>
            <pc:docMk/>
            <pc:sldMk cId="1279582212" sldId="257"/>
            <ac:spMk id="238" creationId="{F0937EA5-39AB-4A91-8652-06853FCB0F69}"/>
          </ac:spMkLst>
        </pc:spChg>
        <pc:spChg chg="del">
          <ac:chgData name="Manuel Lidauer" userId="b55e45dd-c6cc-461d-bef5-835fc172e678" providerId="ADAL" clId="{BCD0C6F6-2D95-4A66-B702-D3858BC1FC00}" dt="2019-09-26T09:01:01.295" v="389"/>
          <ac:spMkLst>
            <pc:docMk/>
            <pc:sldMk cId="1279582212" sldId="257"/>
            <ac:spMk id="239" creationId="{648EDE72-ECF6-4B8B-A8FB-5317F4C701AE}"/>
          </ac:spMkLst>
        </pc:spChg>
        <pc:spChg chg="del">
          <ac:chgData name="Manuel Lidauer" userId="b55e45dd-c6cc-461d-bef5-835fc172e678" providerId="ADAL" clId="{BCD0C6F6-2D95-4A66-B702-D3858BC1FC00}" dt="2019-09-26T09:01:01.295" v="390"/>
          <ac:spMkLst>
            <pc:docMk/>
            <pc:sldMk cId="1279582212" sldId="257"/>
            <ac:spMk id="240" creationId="{850D6A3C-9F3C-4705-B2F5-65E656765FAC}"/>
          </ac:spMkLst>
        </pc:spChg>
        <pc:spChg chg="del">
          <ac:chgData name="Manuel Lidauer" userId="b55e45dd-c6cc-461d-bef5-835fc172e678" providerId="ADAL" clId="{BCD0C6F6-2D95-4A66-B702-D3858BC1FC00}" dt="2019-09-26T09:01:01.296" v="392"/>
          <ac:spMkLst>
            <pc:docMk/>
            <pc:sldMk cId="1279582212" sldId="257"/>
            <ac:spMk id="241" creationId="{9A798A77-9CFB-48BD-B36A-E1E60D836F4A}"/>
          </ac:spMkLst>
        </pc:spChg>
        <pc:spChg chg="del">
          <ac:chgData name="Manuel Lidauer" userId="b55e45dd-c6cc-461d-bef5-835fc172e678" providerId="ADAL" clId="{BCD0C6F6-2D95-4A66-B702-D3858BC1FC00}" dt="2019-09-26T09:01:01.297" v="394"/>
          <ac:spMkLst>
            <pc:docMk/>
            <pc:sldMk cId="1279582212" sldId="257"/>
            <ac:spMk id="242" creationId="{71E72304-3371-44FC-8613-D9D4EF9712CF}"/>
          </ac:spMkLst>
        </pc:spChg>
        <pc:spChg chg="del">
          <ac:chgData name="Manuel Lidauer" userId="b55e45dd-c6cc-461d-bef5-835fc172e678" providerId="ADAL" clId="{BCD0C6F6-2D95-4A66-B702-D3858BC1FC00}" dt="2019-09-26T09:01:01.297" v="396"/>
          <ac:spMkLst>
            <pc:docMk/>
            <pc:sldMk cId="1279582212" sldId="257"/>
            <ac:spMk id="243" creationId="{45C57CE0-F83A-4784-854A-E7A90777AFB2}"/>
          </ac:spMkLst>
        </pc:spChg>
        <pc:spChg chg="del">
          <ac:chgData name="Manuel Lidauer" userId="b55e45dd-c6cc-461d-bef5-835fc172e678" providerId="ADAL" clId="{BCD0C6F6-2D95-4A66-B702-D3858BC1FC00}" dt="2019-09-26T09:01:01.298" v="398"/>
          <ac:spMkLst>
            <pc:docMk/>
            <pc:sldMk cId="1279582212" sldId="257"/>
            <ac:spMk id="244" creationId="{69C3DBDB-30F3-4ABA-90CB-12A5884683C9}"/>
          </ac:spMkLst>
        </pc:spChg>
        <pc:spChg chg="del">
          <ac:chgData name="Manuel Lidauer" userId="b55e45dd-c6cc-461d-bef5-835fc172e678" providerId="ADAL" clId="{BCD0C6F6-2D95-4A66-B702-D3858BC1FC00}" dt="2019-09-26T09:01:01.298" v="400"/>
          <ac:spMkLst>
            <pc:docMk/>
            <pc:sldMk cId="1279582212" sldId="257"/>
            <ac:spMk id="245" creationId="{16B45D91-D195-4852-9E34-DB4FCC5D803A}"/>
          </ac:spMkLst>
        </pc:spChg>
        <pc:spChg chg="del">
          <ac:chgData name="Manuel Lidauer" userId="b55e45dd-c6cc-461d-bef5-835fc172e678" providerId="ADAL" clId="{BCD0C6F6-2D95-4A66-B702-D3858BC1FC00}" dt="2019-09-26T09:01:01.299" v="402"/>
          <ac:spMkLst>
            <pc:docMk/>
            <pc:sldMk cId="1279582212" sldId="257"/>
            <ac:spMk id="246" creationId="{070612FF-598F-4972-BED4-A87B9B2DD9BB}"/>
          </ac:spMkLst>
        </pc:spChg>
        <pc:spChg chg="del">
          <ac:chgData name="Manuel Lidauer" userId="b55e45dd-c6cc-461d-bef5-835fc172e678" providerId="ADAL" clId="{BCD0C6F6-2D95-4A66-B702-D3858BC1FC00}" dt="2019-09-26T09:01:01.300" v="404"/>
          <ac:spMkLst>
            <pc:docMk/>
            <pc:sldMk cId="1279582212" sldId="257"/>
            <ac:spMk id="247" creationId="{DBA08F55-EDD8-4310-85E3-7FFFED4A357E}"/>
          </ac:spMkLst>
        </pc:spChg>
        <pc:spChg chg="del">
          <ac:chgData name="Manuel Lidauer" userId="b55e45dd-c6cc-461d-bef5-835fc172e678" providerId="ADAL" clId="{BCD0C6F6-2D95-4A66-B702-D3858BC1FC00}" dt="2019-09-26T09:01:01.300" v="405"/>
          <ac:spMkLst>
            <pc:docMk/>
            <pc:sldMk cId="1279582212" sldId="257"/>
            <ac:spMk id="248" creationId="{847BA47C-4A43-4C8C-B881-1B726A02573B}"/>
          </ac:spMkLst>
        </pc:spChg>
        <pc:spChg chg="del">
          <ac:chgData name="Manuel Lidauer" userId="b55e45dd-c6cc-461d-bef5-835fc172e678" providerId="ADAL" clId="{BCD0C6F6-2D95-4A66-B702-D3858BC1FC00}" dt="2019-09-26T09:01:01.302" v="407"/>
          <ac:spMkLst>
            <pc:docMk/>
            <pc:sldMk cId="1279582212" sldId="257"/>
            <ac:spMk id="249" creationId="{67165D14-4CDE-4CAC-AFC9-6CC70881DA0B}"/>
          </ac:spMkLst>
        </pc:spChg>
        <pc:spChg chg="del">
          <ac:chgData name="Manuel Lidauer" userId="b55e45dd-c6cc-461d-bef5-835fc172e678" providerId="ADAL" clId="{BCD0C6F6-2D95-4A66-B702-D3858BC1FC00}" dt="2019-09-26T09:01:01.302" v="409"/>
          <ac:spMkLst>
            <pc:docMk/>
            <pc:sldMk cId="1279582212" sldId="257"/>
            <ac:spMk id="250" creationId="{FD8707B9-84C6-4684-A432-432BE2AED56D}"/>
          </ac:spMkLst>
        </pc:spChg>
        <pc:spChg chg="del">
          <ac:chgData name="Manuel Lidauer" userId="b55e45dd-c6cc-461d-bef5-835fc172e678" providerId="ADAL" clId="{BCD0C6F6-2D95-4A66-B702-D3858BC1FC00}" dt="2019-09-26T09:01:01.303" v="411"/>
          <ac:spMkLst>
            <pc:docMk/>
            <pc:sldMk cId="1279582212" sldId="257"/>
            <ac:spMk id="251" creationId="{414EDADC-135D-46A2-B203-098D7593C61C}"/>
          </ac:spMkLst>
        </pc:spChg>
        <pc:spChg chg="del">
          <ac:chgData name="Manuel Lidauer" userId="b55e45dd-c6cc-461d-bef5-835fc172e678" providerId="ADAL" clId="{BCD0C6F6-2D95-4A66-B702-D3858BC1FC00}" dt="2019-09-26T09:01:01.304" v="413"/>
          <ac:spMkLst>
            <pc:docMk/>
            <pc:sldMk cId="1279582212" sldId="257"/>
            <ac:spMk id="252" creationId="{7B40082A-A691-417C-98D5-A797B5326100}"/>
          </ac:spMkLst>
        </pc:spChg>
        <pc:spChg chg="del">
          <ac:chgData name="Manuel Lidauer" userId="b55e45dd-c6cc-461d-bef5-835fc172e678" providerId="ADAL" clId="{BCD0C6F6-2D95-4A66-B702-D3858BC1FC00}" dt="2019-09-26T09:01:01.306" v="415"/>
          <ac:spMkLst>
            <pc:docMk/>
            <pc:sldMk cId="1279582212" sldId="257"/>
            <ac:spMk id="253" creationId="{F8803F36-78BA-41A2-A85B-3BACECEDE6F8}"/>
          </ac:spMkLst>
        </pc:spChg>
        <pc:spChg chg="del">
          <ac:chgData name="Manuel Lidauer" userId="b55e45dd-c6cc-461d-bef5-835fc172e678" providerId="ADAL" clId="{BCD0C6F6-2D95-4A66-B702-D3858BC1FC00}" dt="2019-09-26T09:01:01.307" v="417"/>
          <ac:spMkLst>
            <pc:docMk/>
            <pc:sldMk cId="1279582212" sldId="257"/>
            <ac:spMk id="254" creationId="{893667EA-7ADD-4F58-BD60-3AB3A3FBC488}"/>
          </ac:spMkLst>
        </pc:spChg>
        <pc:spChg chg="del">
          <ac:chgData name="Manuel Lidauer" userId="b55e45dd-c6cc-461d-bef5-835fc172e678" providerId="ADAL" clId="{BCD0C6F6-2D95-4A66-B702-D3858BC1FC00}" dt="2019-09-26T09:01:01.308" v="419"/>
          <ac:spMkLst>
            <pc:docMk/>
            <pc:sldMk cId="1279582212" sldId="257"/>
            <ac:spMk id="255" creationId="{8606FB68-1687-409F-94EE-2E97C32A1547}"/>
          </ac:spMkLst>
        </pc:spChg>
        <pc:spChg chg="del">
          <ac:chgData name="Manuel Lidauer" userId="b55e45dd-c6cc-461d-bef5-835fc172e678" providerId="ADAL" clId="{BCD0C6F6-2D95-4A66-B702-D3858BC1FC00}" dt="2019-09-26T09:01:01.308" v="420"/>
          <ac:spMkLst>
            <pc:docMk/>
            <pc:sldMk cId="1279582212" sldId="257"/>
            <ac:spMk id="256" creationId="{84002F84-3755-4919-B2A7-DAAC5A9727C8}"/>
          </ac:spMkLst>
        </pc:spChg>
        <pc:spChg chg="del">
          <ac:chgData name="Manuel Lidauer" userId="b55e45dd-c6cc-461d-bef5-835fc172e678" providerId="ADAL" clId="{BCD0C6F6-2D95-4A66-B702-D3858BC1FC00}" dt="2019-09-26T09:01:01.309" v="422"/>
          <ac:spMkLst>
            <pc:docMk/>
            <pc:sldMk cId="1279582212" sldId="257"/>
            <ac:spMk id="257" creationId="{99885993-738B-4DBC-A54A-4820CA2066D1}"/>
          </ac:spMkLst>
        </pc:spChg>
        <pc:spChg chg="del">
          <ac:chgData name="Manuel Lidauer" userId="b55e45dd-c6cc-461d-bef5-835fc172e678" providerId="ADAL" clId="{BCD0C6F6-2D95-4A66-B702-D3858BC1FC00}" dt="2019-09-26T09:01:01.311" v="424"/>
          <ac:spMkLst>
            <pc:docMk/>
            <pc:sldMk cId="1279582212" sldId="257"/>
            <ac:spMk id="258" creationId="{077FB700-8521-43B4-B88E-85F2F007FE7B}"/>
          </ac:spMkLst>
        </pc:spChg>
        <pc:spChg chg="del">
          <ac:chgData name="Manuel Lidauer" userId="b55e45dd-c6cc-461d-bef5-835fc172e678" providerId="ADAL" clId="{BCD0C6F6-2D95-4A66-B702-D3858BC1FC00}" dt="2019-09-26T09:01:01.311" v="426"/>
          <ac:spMkLst>
            <pc:docMk/>
            <pc:sldMk cId="1279582212" sldId="257"/>
            <ac:spMk id="259" creationId="{6E633DC0-1E34-4CD9-A106-AB0BFE40051F}"/>
          </ac:spMkLst>
        </pc:spChg>
        <pc:spChg chg="del">
          <ac:chgData name="Manuel Lidauer" userId="b55e45dd-c6cc-461d-bef5-835fc172e678" providerId="ADAL" clId="{BCD0C6F6-2D95-4A66-B702-D3858BC1FC00}" dt="2019-09-26T09:01:01.312" v="428"/>
          <ac:spMkLst>
            <pc:docMk/>
            <pc:sldMk cId="1279582212" sldId="257"/>
            <ac:spMk id="260" creationId="{86236087-6BBD-4C7C-8DE8-302969458719}"/>
          </ac:spMkLst>
        </pc:spChg>
        <pc:spChg chg="del">
          <ac:chgData name="Manuel Lidauer" userId="b55e45dd-c6cc-461d-bef5-835fc172e678" providerId="ADAL" clId="{BCD0C6F6-2D95-4A66-B702-D3858BC1FC00}" dt="2019-09-26T09:01:01.313" v="430"/>
          <ac:spMkLst>
            <pc:docMk/>
            <pc:sldMk cId="1279582212" sldId="257"/>
            <ac:spMk id="261" creationId="{DB10313E-8199-4C3B-9842-50B33B907526}"/>
          </ac:spMkLst>
        </pc:spChg>
        <pc:spChg chg="del">
          <ac:chgData name="Manuel Lidauer" userId="b55e45dd-c6cc-461d-bef5-835fc172e678" providerId="ADAL" clId="{BCD0C6F6-2D95-4A66-B702-D3858BC1FC00}" dt="2019-09-26T09:01:01.314" v="432"/>
          <ac:spMkLst>
            <pc:docMk/>
            <pc:sldMk cId="1279582212" sldId="257"/>
            <ac:spMk id="262" creationId="{CC33AA3C-C086-4721-9379-DFE3C3A3D141}"/>
          </ac:spMkLst>
        </pc:spChg>
        <pc:spChg chg="del">
          <ac:chgData name="Manuel Lidauer" userId="b55e45dd-c6cc-461d-bef5-835fc172e678" providerId="ADAL" clId="{BCD0C6F6-2D95-4A66-B702-D3858BC1FC00}" dt="2019-09-26T09:01:01.315" v="434"/>
          <ac:spMkLst>
            <pc:docMk/>
            <pc:sldMk cId="1279582212" sldId="257"/>
            <ac:spMk id="263" creationId="{FB4A6382-9D35-475E-AFAF-AE1545D40DFD}"/>
          </ac:spMkLst>
        </pc:spChg>
        <pc:spChg chg="del">
          <ac:chgData name="Manuel Lidauer" userId="b55e45dd-c6cc-461d-bef5-835fc172e678" providerId="ADAL" clId="{BCD0C6F6-2D95-4A66-B702-D3858BC1FC00}" dt="2019-09-26T09:01:01.315" v="435"/>
          <ac:spMkLst>
            <pc:docMk/>
            <pc:sldMk cId="1279582212" sldId="257"/>
            <ac:spMk id="264" creationId="{A0EDBEC7-ECA2-445A-A478-C74CFB7B0F7E}"/>
          </ac:spMkLst>
        </pc:spChg>
        <pc:spChg chg="del">
          <ac:chgData name="Manuel Lidauer" userId="b55e45dd-c6cc-461d-bef5-835fc172e678" providerId="ADAL" clId="{BCD0C6F6-2D95-4A66-B702-D3858BC1FC00}" dt="2019-09-26T09:01:01.316" v="437"/>
          <ac:spMkLst>
            <pc:docMk/>
            <pc:sldMk cId="1279582212" sldId="257"/>
            <ac:spMk id="265" creationId="{F7F1AED3-AC74-497A-B2CC-2D3D98FE4FE3}"/>
          </ac:spMkLst>
        </pc:spChg>
        <pc:spChg chg="del">
          <ac:chgData name="Manuel Lidauer" userId="b55e45dd-c6cc-461d-bef5-835fc172e678" providerId="ADAL" clId="{BCD0C6F6-2D95-4A66-B702-D3858BC1FC00}" dt="2019-09-26T09:01:01.317" v="439"/>
          <ac:spMkLst>
            <pc:docMk/>
            <pc:sldMk cId="1279582212" sldId="257"/>
            <ac:spMk id="266" creationId="{D9F08C99-6A3A-4E12-82F4-0D81B95CA334}"/>
          </ac:spMkLst>
        </pc:spChg>
        <pc:spChg chg="del">
          <ac:chgData name="Manuel Lidauer" userId="b55e45dd-c6cc-461d-bef5-835fc172e678" providerId="ADAL" clId="{BCD0C6F6-2D95-4A66-B702-D3858BC1FC00}" dt="2019-09-26T09:01:01.318" v="441"/>
          <ac:spMkLst>
            <pc:docMk/>
            <pc:sldMk cId="1279582212" sldId="257"/>
            <ac:spMk id="267" creationId="{4741DF33-A505-4619-94FB-6546D88EEB20}"/>
          </ac:spMkLst>
        </pc:spChg>
        <pc:spChg chg="del">
          <ac:chgData name="Manuel Lidauer" userId="b55e45dd-c6cc-461d-bef5-835fc172e678" providerId="ADAL" clId="{BCD0C6F6-2D95-4A66-B702-D3858BC1FC00}" dt="2019-09-26T09:01:01.319" v="443"/>
          <ac:spMkLst>
            <pc:docMk/>
            <pc:sldMk cId="1279582212" sldId="257"/>
            <ac:spMk id="268" creationId="{FBF23450-E3CF-4F31-B100-A64FF4E934BF}"/>
          </ac:spMkLst>
        </pc:spChg>
        <pc:spChg chg="del">
          <ac:chgData name="Manuel Lidauer" userId="b55e45dd-c6cc-461d-bef5-835fc172e678" providerId="ADAL" clId="{BCD0C6F6-2D95-4A66-B702-D3858BC1FC00}" dt="2019-09-26T09:01:01.321" v="445"/>
          <ac:spMkLst>
            <pc:docMk/>
            <pc:sldMk cId="1279582212" sldId="257"/>
            <ac:spMk id="269" creationId="{ED9C14B6-7B10-4C7A-87B7-063D7C9BB6B2}"/>
          </ac:spMkLst>
        </pc:spChg>
        <pc:spChg chg="del">
          <ac:chgData name="Manuel Lidauer" userId="b55e45dd-c6cc-461d-bef5-835fc172e678" providerId="ADAL" clId="{BCD0C6F6-2D95-4A66-B702-D3858BC1FC00}" dt="2019-09-26T09:01:01.321" v="447"/>
          <ac:spMkLst>
            <pc:docMk/>
            <pc:sldMk cId="1279582212" sldId="257"/>
            <ac:spMk id="270" creationId="{5108833E-2A90-4F83-9C27-E91461C7EFD8}"/>
          </ac:spMkLst>
        </pc:spChg>
        <pc:spChg chg="del">
          <ac:chgData name="Manuel Lidauer" userId="b55e45dd-c6cc-461d-bef5-835fc172e678" providerId="ADAL" clId="{BCD0C6F6-2D95-4A66-B702-D3858BC1FC00}" dt="2019-09-26T09:01:01.322" v="449"/>
          <ac:spMkLst>
            <pc:docMk/>
            <pc:sldMk cId="1279582212" sldId="257"/>
            <ac:spMk id="271" creationId="{28EFB4CC-DEF2-4FCA-86FB-698EC52C941D}"/>
          </ac:spMkLst>
        </pc:spChg>
        <pc:spChg chg="del">
          <ac:chgData name="Manuel Lidauer" userId="b55e45dd-c6cc-461d-bef5-835fc172e678" providerId="ADAL" clId="{BCD0C6F6-2D95-4A66-B702-D3858BC1FC00}" dt="2019-09-26T09:01:01.322" v="450"/>
          <ac:spMkLst>
            <pc:docMk/>
            <pc:sldMk cId="1279582212" sldId="257"/>
            <ac:spMk id="272" creationId="{B7DF81AD-21E6-40C3-9CC7-1E83B03EFE41}"/>
          </ac:spMkLst>
        </pc:spChg>
        <pc:spChg chg="del">
          <ac:chgData name="Manuel Lidauer" userId="b55e45dd-c6cc-461d-bef5-835fc172e678" providerId="ADAL" clId="{BCD0C6F6-2D95-4A66-B702-D3858BC1FC00}" dt="2019-09-26T09:01:01.324" v="452"/>
          <ac:spMkLst>
            <pc:docMk/>
            <pc:sldMk cId="1279582212" sldId="257"/>
            <ac:spMk id="273" creationId="{9C1433ED-7273-45DD-ABF1-BE7E95A50F66}"/>
          </ac:spMkLst>
        </pc:spChg>
        <pc:spChg chg="del">
          <ac:chgData name="Manuel Lidauer" userId="b55e45dd-c6cc-461d-bef5-835fc172e678" providerId="ADAL" clId="{BCD0C6F6-2D95-4A66-B702-D3858BC1FC00}" dt="2019-09-26T09:01:01.325" v="454"/>
          <ac:spMkLst>
            <pc:docMk/>
            <pc:sldMk cId="1279582212" sldId="257"/>
            <ac:spMk id="274" creationId="{58375EC0-D4CD-4BDA-B8F5-C9610477FC1A}"/>
          </ac:spMkLst>
        </pc:spChg>
        <pc:spChg chg="del">
          <ac:chgData name="Manuel Lidauer" userId="b55e45dd-c6cc-461d-bef5-835fc172e678" providerId="ADAL" clId="{BCD0C6F6-2D95-4A66-B702-D3858BC1FC00}" dt="2019-09-26T09:01:01.326" v="456"/>
          <ac:spMkLst>
            <pc:docMk/>
            <pc:sldMk cId="1279582212" sldId="257"/>
            <ac:spMk id="275" creationId="{A5D252B0-02D1-4746-A212-868730D7C3D6}"/>
          </ac:spMkLst>
        </pc:spChg>
        <pc:spChg chg="del">
          <ac:chgData name="Manuel Lidauer" userId="b55e45dd-c6cc-461d-bef5-835fc172e678" providerId="ADAL" clId="{BCD0C6F6-2D95-4A66-B702-D3858BC1FC00}" dt="2019-09-26T09:01:01.328" v="458"/>
          <ac:spMkLst>
            <pc:docMk/>
            <pc:sldMk cId="1279582212" sldId="257"/>
            <ac:spMk id="276" creationId="{8A2368D3-5D21-407E-A871-41C37083DD10}"/>
          </ac:spMkLst>
        </pc:spChg>
        <pc:spChg chg="del">
          <ac:chgData name="Manuel Lidauer" userId="b55e45dd-c6cc-461d-bef5-835fc172e678" providerId="ADAL" clId="{BCD0C6F6-2D95-4A66-B702-D3858BC1FC00}" dt="2019-09-26T09:01:01.329" v="460"/>
          <ac:spMkLst>
            <pc:docMk/>
            <pc:sldMk cId="1279582212" sldId="257"/>
            <ac:spMk id="277" creationId="{9DF2CA38-2608-4B30-8BD5-02707DF5ABC3}"/>
          </ac:spMkLst>
        </pc:spChg>
        <pc:spChg chg="del">
          <ac:chgData name="Manuel Lidauer" userId="b55e45dd-c6cc-461d-bef5-835fc172e678" providerId="ADAL" clId="{BCD0C6F6-2D95-4A66-B702-D3858BC1FC00}" dt="2019-09-26T09:01:01.330" v="462"/>
          <ac:spMkLst>
            <pc:docMk/>
            <pc:sldMk cId="1279582212" sldId="257"/>
            <ac:spMk id="278" creationId="{ADEFD8DD-F070-46DF-BD12-22EA81360621}"/>
          </ac:spMkLst>
        </pc:spChg>
        <pc:spChg chg="del">
          <ac:chgData name="Manuel Lidauer" userId="b55e45dd-c6cc-461d-bef5-835fc172e678" providerId="ADAL" clId="{BCD0C6F6-2D95-4A66-B702-D3858BC1FC00}" dt="2019-09-26T09:01:01.331" v="464"/>
          <ac:spMkLst>
            <pc:docMk/>
            <pc:sldMk cId="1279582212" sldId="257"/>
            <ac:spMk id="279" creationId="{8C6467FF-AB62-4A8E-B057-13317074A275}"/>
          </ac:spMkLst>
        </pc:spChg>
        <pc:spChg chg="del">
          <ac:chgData name="Manuel Lidauer" userId="b55e45dd-c6cc-461d-bef5-835fc172e678" providerId="ADAL" clId="{BCD0C6F6-2D95-4A66-B702-D3858BC1FC00}" dt="2019-09-26T09:01:01.332" v="465"/>
          <ac:spMkLst>
            <pc:docMk/>
            <pc:sldMk cId="1279582212" sldId="257"/>
            <ac:spMk id="280" creationId="{425DF586-8E14-4389-B4AB-2B9E42D04323}"/>
          </ac:spMkLst>
        </pc:spChg>
        <pc:spChg chg="del">
          <ac:chgData name="Manuel Lidauer" userId="b55e45dd-c6cc-461d-bef5-835fc172e678" providerId="ADAL" clId="{BCD0C6F6-2D95-4A66-B702-D3858BC1FC00}" dt="2019-09-26T09:01:01.332" v="467"/>
          <ac:spMkLst>
            <pc:docMk/>
            <pc:sldMk cId="1279582212" sldId="257"/>
            <ac:spMk id="281" creationId="{7CADAAFE-7EBD-4051-A28A-7DECB848F1B5}"/>
          </ac:spMkLst>
        </pc:spChg>
        <pc:spChg chg="del">
          <ac:chgData name="Manuel Lidauer" userId="b55e45dd-c6cc-461d-bef5-835fc172e678" providerId="ADAL" clId="{BCD0C6F6-2D95-4A66-B702-D3858BC1FC00}" dt="2019-09-26T09:01:01.334" v="469"/>
          <ac:spMkLst>
            <pc:docMk/>
            <pc:sldMk cId="1279582212" sldId="257"/>
            <ac:spMk id="282" creationId="{9236375C-4DD1-4C7D-A9FF-07057D6BC511}"/>
          </ac:spMkLst>
        </pc:spChg>
        <pc:spChg chg="del">
          <ac:chgData name="Manuel Lidauer" userId="b55e45dd-c6cc-461d-bef5-835fc172e678" providerId="ADAL" clId="{BCD0C6F6-2D95-4A66-B702-D3858BC1FC00}" dt="2019-09-26T09:01:01.335" v="471"/>
          <ac:spMkLst>
            <pc:docMk/>
            <pc:sldMk cId="1279582212" sldId="257"/>
            <ac:spMk id="283" creationId="{C72F69BB-6D5D-4CFB-85C7-CCB632D3035E}"/>
          </ac:spMkLst>
        </pc:spChg>
        <pc:spChg chg="del">
          <ac:chgData name="Manuel Lidauer" userId="b55e45dd-c6cc-461d-bef5-835fc172e678" providerId="ADAL" clId="{BCD0C6F6-2D95-4A66-B702-D3858BC1FC00}" dt="2019-09-26T09:01:01.336" v="473"/>
          <ac:spMkLst>
            <pc:docMk/>
            <pc:sldMk cId="1279582212" sldId="257"/>
            <ac:spMk id="284" creationId="{3144FFB1-307B-45A1-82FA-2F6F61193E80}"/>
          </ac:spMkLst>
        </pc:spChg>
        <pc:spChg chg="del">
          <ac:chgData name="Manuel Lidauer" userId="b55e45dd-c6cc-461d-bef5-835fc172e678" providerId="ADAL" clId="{BCD0C6F6-2D95-4A66-B702-D3858BC1FC00}" dt="2019-09-26T09:01:01.337" v="475"/>
          <ac:spMkLst>
            <pc:docMk/>
            <pc:sldMk cId="1279582212" sldId="257"/>
            <ac:spMk id="285" creationId="{FFB4A1CB-9558-43F5-AC80-1A4AA99152AB}"/>
          </ac:spMkLst>
        </pc:spChg>
        <pc:spChg chg="del">
          <ac:chgData name="Manuel Lidauer" userId="b55e45dd-c6cc-461d-bef5-835fc172e678" providerId="ADAL" clId="{BCD0C6F6-2D95-4A66-B702-D3858BC1FC00}" dt="2019-09-26T09:01:01.338" v="477"/>
          <ac:spMkLst>
            <pc:docMk/>
            <pc:sldMk cId="1279582212" sldId="257"/>
            <ac:spMk id="286" creationId="{97B8B31E-3E3D-4F6B-BF1B-83D919B53300}"/>
          </ac:spMkLst>
        </pc:spChg>
        <pc:spChg chg="del">
          <ac:chgData name="Manuel Lidauer" userId="b55e45dd-c6cc-461d-bef5-835fc172e678" providerId="ADAL" clId="{BCD0C6F6-2D95-4A66-B702-D3858BC1FC00}" dt="2019-09-26T09:01:01.340" v="479"/>
          <ac:spMkLst>
            <pc:docMk/>
            <pc:sldMk cId="1279582212" sldId="257"/>
            <ac:spMk id="287" creationId="{5C1911CE-30C3-43BB-BE02-CD1A239B3FCE}"/>
          </ac:spMkLst>
        </pc:spChg>
        <pc:spChg chg="del">
          <ac:chgData name="Manuel Lidauer" userId="b55e45dd-c6cc-461d-bef5-835fc172e678" providerId="ADAL" clId="{BCD0C6F6-2D95-4A66-B702-D3858BC1FC00}" dt="2019-09-26T09:01:01.341" v="480"/>
          <ac:spMkLst>
            <pc:docMk/>
            <pc:sldMk cId="1279582212" sldId="257"/>
            <ac:spMk id="288" creationId="{A5ADEA16-BA11-4C11-8A2B-B218137AE901}"/>
          </ac:spMkLst>
        </pc:spChg>
        <pc:spChg chg="del">
          <ac:chgData name="Manuel Lidauer" userId="b55e45dd-c6cc-461d-bef5-835fc172e678" providerId="ADAL" clId="{BCD0C6F6-2D95-4A66-B702-D3858BC1FC00}" dt="2019-09-26T09:01:01.342" v="482"/>
          <ac:spMkLst>
            <pc:docMk/>
            <pc:sldMk cId="1279582212" sldId="257"/>
            <ac:spMk id="289" creationId="{3318C018-B8D2-4B4C-BD6A-58863B85D58A}"/>
          </ac:spMkLst>
        </pc:spChg>
        <pc:spChg chg="del">
          <ac:chgData name="Manuel Lidauer" userId="b55e45dd-c6cc-461d-bef5-835fc172e678" providerId="ADAL" clId="{BCD0C6F6-2D95-4A66-B702-D3858BC1FC00}" dt="2019-09-26T09:01:01.343" v="484"/>
          <ac:spMkLst>
            <pc:docMk/>
            <pc:sldMk cId="1279582212" sldId="257"/>
            <ac:spMk id="290" creationId="{BD303DA2-E479-40D7-B1B8-D38B5545103C}"/>
          </ac:spMkLst>
        </pc:spChg>
        <pc:spChg chg="del">
          <ac:chgData name="Manuel Lidauer" userId="b55e45dd-c6cc-461d-bef5-835fc172e678" providerId="ADAL" clId="{BCD0C6F6-2D95-4A66-B702-D3858BC1FC00}" dt="2019-09-26T09:01:01.344" v="486"/>
          <ac:spMkLst>
            <pc:docMk/>
            <pc:sldMk cId="1279582212" sldId="257"/>
            <ac:spMk id="291" creationId="{6B37BB59-38F3-4B6B-BD4E-E5E798830317}"/>
          </ac:spMkLst>
        </pc:spChg>
        <pc:spChg chg="del">
          <ac:chgData name="Manuel Lidauer" userId="b55e45dd-c6cc-461d-bef5-835fc172e678" providerId="ADAL" clId="{BCD0C6F6-2D95-4A66-B702-D3858BC1FC00}" dt="2019-09-26T09:01:01.345" v="488"/>
          <ac:spMkLst>
            <pc:docMk/>
            <pc:sldMk cId="1279582212" sldId="257"/>
            <ac:spMk id="292" creationId="{F1E2A103-64DE-4DFF-8181-F1134828FD48}"/>
          </ac:spMkLst>
        </pc:spChg>
        <pc:spChg chg="del">
          <ac:chgData name="Manuel Lidauer" userId="b55e45dd-c6cc-461d-bef5-835fc172e678" providerId="ADAL" clId="{BCD0C6F6-2D95-4A66-B702-D3858BC1FC00}" dt="2019-09-26T09:01:01.346" v="490"/>
          <ac:spMkLst>
            <pc:docMk/>
            <pc:sldMk cId="1279582212" sldId="257"/>
            <ac:spMk id="293" creationId="{ABF801F4-887A-4D9A-B099-8BC44889D40A}"/>
          </ac:spMkLst>
        </pc:spChg>
        <pc:spChg chg="del">
          <ac:chgData name="Manuel Lidauer" userId="b55e45dd-c6cc-461d-bef5-835fc172e678" providerId="ADAL" clId="{BCD0C6F6-2D95-4A66-B702-D3858BC1FC00}" dt="2019-09-26T09:01:01.348" v="492"/>
          <ac:spMkLst>
            <pc:docMk/>
            <pc:sldMk cId="1279582212" sldId="257"/>
            <ac:spMk id="294" creationId="{8883A3AE-DA9C-4E80-8DA8-5A23EC73A84C}"/>
          </ac:spMkLst>
        </pc:spChg>
        <pc:spChg chg="del">
          <ac:chgData name="Manuel Lidauer" userId="b55e45dd-c6cc-461d-bef5-835fc172e678" providerId="ADAL" clId="{BCD0C6F6-2D95-4A66-B702-D3858BC1FC00}" dt="2019-09-26T09:01:01.348" v="494"/>
          <ac:spMkLst>
            <pc:docMk/>
            <pc:sldMk cId="1279582212" sldId="257"/>
            <ac:spMk id="295" creationId="{2E5F3695-F176-49A5-B399-3FABC559365C}"/>
          </ac:spMkLst>
        </pc:spChg>
        <pc:spChg chg="del">
          <ac:chgData name="Manuel Lidauer" userId="b55e45dd-c6cc-461d-bef5-835fc172e678" providerId="ADAL" clId="{BCD0C6F6-2D95-4A66-B702-D3858BC1FC00}" dt="2019-09-26T09:01:01.349" v="495"/>
          <ac:spMkLst>
            <pc:docMk/>
            <pc:sldMk cId="1279582212" sldId="257"/>
            <ac:spMk id="296" creationId="{09BA844B-A16F-4353-9AC3-C85900698ABD}"/>
          </ac:spMkLst>
        </pc:spChg>
        <pc:spChg chg="del">
          <ac:chgData name="Manuel Lidauer" userId="b55e45dd-c6cc-461d-bef5-835fc172e678" providerId="ADAL" clId="{BCD0C6F6-2D95-4A66-B702-D3858BC1FC00}" dt="2019-09-26T09:01:01.349" v="497"/>
          <ac:spMkLst>
            <pc:docMk/>
            <pc:sldMk cId="1279582212" sldId="257"/>
            <ac:spMk id="297" creationId="{DF5447AC-F091-458D-BB03-7A81B042D754}"/>
          </ac:spMkLst>
        </pc:spChg>
        <pc:spChg chg="del">
          <ac:chgData name="Manuel Lidauer" userId="b55e45dd-c6cc-461d-bef5-835fc172e678" providerId="ADAL" clId="{BCD0C6F6-2D95-4A66-B702-D3858BC1FC00}" dt="2019-09-26T09:01:01.351" v="499"/>
          <ac:spMkLst>
            <pc:docMk/>
            <pc:sldMk cId="1279582212" sldId="257"/>
            <ac:spMk id="298" creationId="{FC243293-2721-4C47-8595-C9843942B490}"/>
          </ac:spMkLst>
        </pc:spChg>
        <pc:spChg chg="del">
          <ac:chgData name="Manuel Lidauer" userId="b55e45dd-c6cc-461d-bef5-835fc172e678" providerId="ADAL" clId="{BCD0C6F6-2D95-4A66-B702-D3858BC1FC00}" dt="2019-09-26T09:01:01.352" v="501"/>
          <ac:spMkLst>
            <pc:docMk/>
            <pc:sldMk cId="1279582212" sldId="257"/>
            <ac:spMk id="299" creationId="{4B8E0B12-3142-45C4-878A-49ABBDC0B4C3}"/>
          </ac:spMkLst>
        </pc:spChg>
        <pc:spChg chg="del">
          <ac:chgData name="Manuel Lidauer" userId="b55e45dd-c6cc-461d-bef5-835fc172e678" providerId="ADAL" clId="{BCD0C6F6-2D95-4A66-B702-D3858BC1FC00}" dt="2019-09-26T09:01:01.352" v="503"/>
          <ac:spMkLst>
            <pc:docMk/>
            <pc:sldMk cId="1279582212" sldId="257"/>
            <ac:spMk id="300" creationId="{E581E633-49DD-4E4D-9ED1-4272D9E23E42}"/>
          </ac:spMkLst>
        </pc:spChg>
        <pc:spChg chg="del">
          <ac:chgData name="Manuel Lidauer" userId="b55e45dd-c6cc-461d-bef5-835fc172e678" providerId="ADAL" clId="{BCD0C6F6-2D95-4A66-B702-D3858BC1FC00}" dt="2019-09-26T09:01:01.354" v="505"/>
          <ac:spMkLst>
            <pc:docMk/>
            <pc:sldMk cId="1279582212" sldId="257"/>
            <ac:spMk id="301" creationId="{43758BFC-5192-40A8-BA6C-15EEC531412B}"/>
          </ac:spMkLst>
        </pc:spChg>
        <pc:spChg chg="del">
          <ac:chgData name="Manuel Lidauer" userId="b55e45dd-c6cc-461d-bef5-835fc172e678" providerId="ADAL" clId="{BCD0C6F6-2D95-4A66-B702-D3858BC1FC00}" dt="2019-09-26T09:01:01.354" v="507"/>
          <ac:spMkLst>
            <pc:docMk/>
            <pc:sldMk cId="1279582212" sldId="257"/>
            <ac:spMk id="302" creationId="{7C25EE09-E1CD-4F6B-8A40-F62993ED176B}"/>
          </ac:spMkLst>
        </pc:spChg>
        <pc:spChg chg="del">
          <ac:chgData name="Manuel Lidauer" userId="b55e45dd-c6cc-461d-bef5-835fc172e678" providerId="ADAL" clId="{BCD0C6F6-2D95-4A66-B702-D3858BC1FC00}" dt="2019-09-26T09:01:01.355" v="509"/>
          <ac:spMkLst>
            <pc:docMk/>
            <pc:sldMk cId="1279582212" sldId="257"/>
            <ac:spMk id="303" creationId="{60951CA2-B11D-47DE-BE08-B21FAB0F24E0}"/>
          </ac:spMkLst>
        </pc:spChg>
        <pc:spChg chg="del">
          <ac:chgData name="Manuel Lidauer" userId="b55e45dd-c6cc-461d-bef5-835fc172e678" providerId="ADAL" clId="{BCD0C6F6-2D95-4A66-B702-D3858BC1FC00}" dt="2019-09-26T09:01:01.357" v="510"/>
          <ac:spMkLst>
            <pc:docMk/>
            <pc:sldMk cId="1279582212" sldId="257"/>
            <ac:spMk id="304" creationId="{B806FF46-0774-4F8A-A100-B744F65BD81C}"/>
          </ac:spMkLst>
        </pc:spChg>
        <pc:spChg chg="del">
          <ac:chgData name="Manuel Lidauer" userId="b55e45dd-c6cc-461d-bef5-835fc172e678" providerId="ADAL" clId="{BCD0C6F6-2D95-4A66-B702-D3858BC1FC00}" dt="2019-09-26T09:01:01.358" v="512"/>
          <ac:spMkLst>
            <pc:docMk/>
            <pc:sldMk cId="1279582212" sldId="257"/>
            <ac:spMk id="305" creationId="{C9737769-D431-4A93-8DD0-995C18A28872}"/>
          </ac:spMkLst>
        </pc:spChg>
        <pc:spChg chg="del">
          <ac:chgData name="Manuel Lidauer" userId="b55e45dd-c6cc-461d-bef5-835fc172e678" providerId="ADAL" clId="{BCD0C6F6-2D95-4A66-B702-D3858BC1FC00}" dt="2019-09-26T09:01:01.359" v="514"/>
          <ac:spMkLst>
            <pc:docMk/>
            <pc:sldMk cId="1279582212" sldId="257"/>
            <ac:spMk id="306" creationId="{FDC81D32-59C0-45FF-9C88-5B51AADCC94B}"/>
          </ac:spMkLst>
        </pc:spChg>
        <pc:spChg chg="del">
          <ac:chgData name="Manuel Lidauer" userId="b55e45dd-c6cc-461d-bef5-835fc172e678" providerId="ADAL" clId="{BCD0C6F6-2D95-4A66-B702-D3858BC1FC00}" dt="2019-09-26T09:01:01.360" v="516"/>
          <ac:spMkLst>
            <pc:docMk/>
            <pc:sldMk cId="1279582212" sldId="257"/>
            <ac:spMk id="307" creationId="{361D99C3-D095-4886-84BF-36D9646721C5}"/>
          </ac:spMkLst>
        </pc:spChg>
        <pc:spChg chg="del">
          <ac:chgData name="Manuel Lidauer" userId="b55e45dd-c6cc-461d-bef5-835fc172e678" providerId="ADAL" clId="{BCD0C6F6-2D95-4A66-B702-D3858BC1FC00}" dt="2019-09-26T09:01:01.362" v="518"/>
          <ac:spMkLst>
            <pc:docMk/>
            <pc:sldMk cId="1279582212" sldId="257"/>
            <ac:spMk id="308" creationId="{69164634-96CC-40F7-B697-99A1639F3359}"/>
          </ac:spMkLst>
        </pc:spChg>
        <pc:spChg chg="del">
          <ac:chgData name="Manuel Lidauer" userId="b55e45dd-c6cc-461d-bef5-835fc172e678" providerId="ADAL" clId="{BCD0C6F6-2D95-4A66-B702-D3858BC1FC00}" dt="2019-09-26T09:01:01.363" v="520"/>
          <ac:spMkLst>
            <pc:docMk/>
            <pc:sldMk cId="1279582212" sldId="257"/>
            <ac:spMk id="309" creationId="{C043C2BE-90F7-4345-89C9-381BF8EFE818}"/>
          </ac:spMkLst>
        </pc:spChg>
        <pc:spChg chg="del">
          <ac:chgData name="Manuel Lidauer" userId="b55e45dd-c6cc-461d-bef5-835fc172e678" providerId="ADAL" clId="{BCD0C6F6-2D95-4A66-B702-D3858BC1FC00}" dt="2019-09-26T09:01:01.364" v="522"/>
          <ac:spMkLst>
            <pc:docMk/>
            <pc:sldMk cId="1279582212" sldId="257"/>
            <ac:spMk id="310" creationId="{8AC6F825-C682-4F9B-8E54-1AE383A32686}"/>
          </ac:spMkLst>
        </pc:spChg>
        <pc:spChg chg="del">
          <ac:chgData name="Manuel Lidauer" userId="b55e45dd-c6cc-461d-bef5-835fc172e678" providerId="ADAL" clId="{BCD0C6F6-2D95-4A66-B702-D3858BC1FC00}" dt="2019-09-26T09:01:01.365" v="524"/>
          <ac:spMkLst>
            <pc:docMk/>
            <pc:sldMk cId="1279582212" sldId="257"/>
            <ac:spMk id="311" creationId="{48432C99-5C43-4080-B8A5-1FA2135E537E}"/>
          </ac:spMkLst>
        </pc:spChg>
        <pc:spChg chg="del">
          <ac:chgData name="Manuel Lidauer" userId="b55e45dd-c6cc-461d-bef5-835fc172e678" providerId="ADAL" clId="{BCD0C6F6-2D95-4A66-B702-D3858BC1FC00}" dt="2019-09-26T09:01:01.366" v="525"/>
          <ac:spMkLst>
            <pc:docMk/>
            <pc:sldMk cId="1279582212" sldId="257"/>
            <ac:spMk id="312" creationId="{956E4D26-1433-4286-B7B1-2986EDCD16E7}"/>
          </ac:spMkLst>
        </pc:spChg>
        <pc:spChg chg="del">
          <ac:chgData name="Manuel Lidauer" userId="b55e45dd-c6cc-461d-bef5-835fc172e678" providerId="ADAL" clId="{BCD0C6F6-2D95-4A66-B702-D3858BC1FC00}" dt="2019-09-26T09:01:01.368" v="527"/>
          <ac:spMkLst>
            <pc:docMk/>
            <pc:sldMk cId="1279582212" sldId="257"/>
            <ac:spMk id="313" creationId="{D770F58F-18C0-4A0E-9267-5AF72D05F4EF}"/>
          </ac:spMkLst>
        </pc:spChg>
        <pc:spChg chg="del">
          <ac:chgData name="Manuel Lidauer" userId="b55e45dd-c6cc-461d-bef5-835fc172e678" providerId="ADAL" clId="{BCD0C6F6-2D95-4A66-B702-D3858BC1FC00}" dt="2019-09-26T09:01:01.369" v="529"/>
          <ac:spMkLst>
            <pc:docMk/>
            <pc:sldMk cId="1279582212" sldId="257"/>
            <ac:spMk id="314" creationId="{F50884F3-2E95-4B5B-A934-E564771FE336}"/>
          </ac:spMkLst>
        </pc:spChg>
        <pc:spChg chg="del">
          <ac:chgData name="Manuel Lidauer" userId="b55e45dd-c6cc-461d-bef5-835fc172e678" providerId="ADAL" clId="{BCD0C6F6-2D95-4A66-B702-D3858BC1FC00}" dt="2019-09-26T09:01:01.370" v="531"/>
          <ac:spMkLst>
            <pc:docMk/>
            <pc:sldMk cId="1279582212" sldId="257"/>
            <ac:spMk id="315" creationId="{9D8249F3-0ADF-48EF-8CA5-DECF10F1159A}"/>
          </ac:spMkLst>
        </pc:spChg>
        <pc:spChg chg="del">
          <ac:chgData name="Manuel Lidauer" userId="b55e45dd-c6cc-461d-bef5-835fc172e678" providerId="ADAL" clId="{BCD0C6F6-2D95-4A66-B702-D3858BC1FC00}" dt="2019-09-26T09:01:01.372" v="533"/>
          <ac:spMkLst>
            <pc:docMk/>
            <pc:sldMk cId="1279582212" sldId="257"/>
            <ac:spMk id="316" creationId="{B4C03AFC-D315-4624-84E7-5FFFFA2A36DF}"/>
          </ac:spMkLst>
        </pc:spChg>
        <pc:spChg chg="del">
          <ac:chgData name="Manuel Lidauer" userId="b55e45dd-c6cc-461d-bef5-835fc172e678" providerId="ADAL" clId="{BCD0C6F6-2D95-4A66-B702-D3858BC1FC00}" dt="2019-09-26T09:01:01.373" v="535"/>
          <ac:spMkLst>
            <pc:docMk/>
            <pc:sldMk cId="1279582212" sldId="257"/>
            <ac:spMk id="317" creationId="{8D2D715F-2C9D-47B5-9513-977B18EF92D7}"/>
          </ac:spMkLst>
        </pc:spChg>
        <pc:spChg chg="del">
          <ac:chgData name="Manuel Lidauer" userId="b55e45dd-c6cc-461d-bef5-835fc172e678" providerId="ADAL" clId="{BCD0C6F6-2D95-4A66-B702-D3858BC1FC00}" dt="2019-09-26T09:01:01.375" v="537"/>
          <ac:spMkLst>
            <pc:docMk/>
            <pc:sldMk cId="1279582212" sldId="257"/>
            <ac:spMk id="318" creationId="{925C3614-C0D4-4B9A-B8A6-329C5C89D2E9}"/>
          </ac:spMkLst>
        </pc:spChg>
        <pc:spChg chg="del">
          <ac:chgData name="Manuel Lidauer" userId="b55e45dd-c6cc-461d-bef5-835fc172e678" providerId="ADAL" clId="{BCD0C6F6-2D95-4A66-B702-D3858BC1FC00}" dt="2019-09-26T09:01:01.376" v="539"/>
          <ac:spMkLst>
            <pc:docMk/>
            <pc:sldMk cId="1279582212" sldId="257"/>
            <ac:spMk id="319" creationId="{795471E3-B714-4EE5-A9C9-DAADDE9C4FDB}"/>
          </ac:spMkLst>
        </pc:spChg>
        <pc:spChg chg="del">
          <ac:chgData name="Manuel Lidauer" userId="b55e45dd-c6cc-461d-bef5-835fc172e678" providerId="ADAL" clId="{BCD0C6F6-2D95-4A66-B702-D3858BC1FC00}" dt="2019-09-26T09:01:01.376" v="540"/>
          <ac:spMkLst>
            <pc:docMk/>
            <pc:sldMk cId="1279582212" sldId="257"/>
            <ac:spMk id="320" creationId="{9B057DF3-0764-4FC8-A929-21C92C54FCD2}"/>
          </ac:spMkLst>
        </pc:spChg>
        <pc:spChg chg="del">
          <ac:chgData name="Manuel Lidauer" userId="b55e45dd-c6cc-461d-bef5-835fc172e678" providerId="ADAL" clId="{BCD0C6F6-2D95-4A66-B702-D3858BC1FC00}" dt="2019-09-26T09:01:01.377" v="542"/>
          <ac:spMkLst>
            <pc:docMk/>
            <pc:sldMk cId="1279582212" sldId="257"/>
            <ac:spMk id="321" creationId="{BC59DDDB-5615-4A8A-8D4A-7B4FA0080FE8}"/>
          </ac:spMkLst>
        </pc:spChg>
        <pc:spChg chg="del">
          <ac:chgData name="Manuel Lidauer" userId="b55e45dd-c6cc-461d-bef5-835fc172e678" providerId="ADAL" clId="{BCD0C6F6-2D95-4A66-B702-D3858BC1FC00}" dt="2019-09-26T09:01:01.378" v="544"/>
          <ac:spMkLst>
            <pc:docMk/>
            <pc:sldMk cId="1279582212" sldId="257"/>
            <ac:spMk id="322" creationId="{D66EB843-6A3F-4746-880D-0145ECFB10C4}"/>
          </ac:spMkLst>
        </pc:spChg>
        <pc:spChg chg="del">
          <ac:chgData name="Manuel Lidauer" userId="b55e45dd-c6cc-461d-bef5-835fc172e678" providerId="ADAL" clId="{BCD0C6F6-2D95-4A66-B702-D3858BC1FC00}" dt="2019-09-26T09:01:01.380" v="546"/>
          <ac:spMkLst>
            <pc:docMk/>
            <pc:sldMk cId="1279582212" sldId="257"/>
            <ac:spMk id="323" creationId="{1DB64A31-B52B-4BE0-B163-A8D6C5EF53B0}"/>
          </ac:spMkLst>
        </pc:spChg>
        <pc:spChg chg="del">
          <ac:chgData name="Manuel Lidauer" userId="b55e45dd-c6cc-461d-bef5-835fc172e678" providerId="ADAL" clId="{BCD0C6F6-2D95-4A66-B702-D3858BC1FC00}" dt="2019-09-26T09:01:01.380" v="548"/>
          <ac:spMkLst>
            <pc:docMk/>
            <pc:sldMk cId="1279582212" sldId="257"/>
            <ac:spMk id="324" creationId="{763C31B1-133F-4331-AB05-8002DFD1DD0D}"/>
          </ac:spMkLst>
        </pc:spChg>
        <pc:spChg chg="del">
          <ac:chgData name="Manuel Lidauer" userId="b55e45dd-c6cc-461d-bef5-835fc172e678" providerId="ADAL" clId="{BCD0C6F6-2D95-4A66-B702-D3858BC1FC00}" dt="2019-09-26T09:01:01.382" v="550"/>
          <ac:spMkLst>
            <pc:docMk/>
            <pc:sldMk cId="1279582212" sldId="257"/>
            <ac:spMk id="325" creationId="{2DB5965A-4C39-48D6-805B-3E39B688B2DF}"/>
          </ac:spMkLst>
        </pc:spChg>
        <pc:spChg chg="del">
          <ac:chgData name="Manuel Lidauer" userId="b55e45dd-c6cc-461d-bef5-835fc172e678" providerId="ADAL" clId="{BCD0C6F6-2D95-4A66-B702-D3858BC1FC00}" dt="2019-09-26T09:01:01.383" v="552"/>
          <ac:spMkLst>
            <pc:docMk/>
            <pc:sldMk cId="1279582212" sldId="257"/>
            <ac:spMk id="326" creationId="{63CB97E1-DFB1-45E0-B994-AD355C31DB42}"/>
          </ac:spMkLst>
        </pc:spChg>
        <pc:spChg chg="del">
          <ac:chgData name="Manuel Lidauer" userId="b55e45dd-c6cc-461d-bef5-835fc172e678" providerId="ADAL" clId="{BCD0C6F6-2D95-4A66-B702-D3858BC1FC00}" dt="2019-09-26T09:01:01.384" v="554"/>
          <ac:spMkLst>
            <pc:docMk/>
            <pc:sldMk cId="1279582212" sldId="257"/>
            <ac:spMk id="327" creationId="{F7B24488-CB46-4946-A950-D193CACCED60}"/>
          </ac:spMkLst>
        </pc:spChg>
        <pc:spChg chg="del">
          <ac:chgData name="Manuel Lidauer" userId="b55e45dd-c6cc-461d-bef5-835fc172e678" providerId="ADAL" clId="{BCD0C6F6-2D95-4A66-B702-D3858BC1FC00}" dt="2019-09-26T09:01:01.385" v="555"/>
          <ac:spMkLst>
            <pc:docMk/>
            <pc:sldMk cId="1279582212" sldId="257"/>
            <ac:spMk id="328" creationId="{378BD018-BF0C-49C7-BF00-2B96B88EC9FC}"/>
          </ac:spMkLst>
        </pc:spChg>
        <pc:spChg chg="del">
          <ac:chgData name="Manuel Lidauer" userId="b55e45dd-c6cc-461d-bef5-835fc172e678" providerId="ADAL" clId="{BCD0C6F6-2D95-4A66-B702-D3858BC1FC00}" dt="2019-09-26T09:01:01.386" v="557"/>
          <ac:spMkLst>
            <pc:docMk/>
            <pc:sldMk cId="1279582212" sldId="257"/>
            <ac:spMk id="329" creationId="{F28E4C74-C4B9-4A2B-8E38-E7EDF59C0CDF}"/>
          </ac:spMkLst>
        </pc:spChg>
        <pc:spChg chg="del">
          <ac:chgData name="Manuel Lidauer" userId="b55e45dd-c6cc-461d-bef5-835fc172e678" providerId="ADAL" clId="{BCD0C6F6-2D95-4A66-B702-D3858BC1FC00}" dt="2019-09-26T09:01:01.387" v="559"/>
          <ac:spMkLst>
            <pc:docMk/>
            <pc:sldMk cId="1279582212" sldId="257"/>
            <ac:spMk id="330" creationId="{4406C890-F83C-4116-9DFA-A855CFAD0878}"/>
          </ac:spMkLst>
        </pc:spChg>
        <pc:spChg chg="del">
          <ac:chgData name="Manuel Lidauer" userId="b55e45dd-c6cc-461d-bef5-835fc172e678" providerId="ADAL" clId="{BCD0C6F6-2D95-4A66-B702-D3858BC1FC00}" dt="2019-09-26T09:01:01.389" v="561"/>
          <ac:spMkLst>
            <pc:docMk/>
            <pc:sldMk cId="1279582212" sldId="257"/>
            <ac:spMk id="331" creationId="{706AAA1E-7CDD-4F7D-9357-5C1DA27179BD}"/>
          </ac:spMkLst>
        </pc:spChg>
        <pc:spChg chg="del">
          <ac:chgData name="Manuel Lidauer" userId="b55e45dd-c6cc-461d-bef5-835fc172e678" providerId="ADAL" clId="{BCD0C6F6-2D95-4A66-B702-D3858BC1FC00}" dt="2019-09-26T09:01:01.390" v="563"/>
          <ac:spMkLst>
            <pc:docMk/>
            <pc:sldMk cId="1279582212" sldId="257"/>
            <ac:spMk id="332" creationId="{BBCEAC37-FC02-4F1D-BFFE-19CA1ED90BFD}"/>
          </ac:spMkLst>
        </pc:spChg>
        <pc:spChg chg="del">
          <ac:chgData name="Manuel Lidauer" userId="b55e45dd-c6cc-461d-bef5-835fc172e678" providerId="ADAL" clId="{BCD0C6F6-2D95-4A66-B702-D3858BC1FC00}" dt="2019-09-26T09:01:01.391" v="565"/>
          <ac:spMkLst>
            <pc:docMk/>
            <pc:sldMk cId="1279582212" sldId="257"/>
            <ac:spMk id="333" creationId="{3A18C724-1499-4176-B139-653DA28FDAF9}"/>
          </ac:spMkLst>
        </pc:spChg>
        <pc:spChg chg="del">
          <ac:chgData name="Manuel Lidauer" userId="b55e45dd-c6cc-461d-bef5-835fc172e678" providerId="ADAL" clId="{BCD0C6F6-2D95-4A66-B702-D3858BC1FC00}" dt="2019-09-26T09:01:01.392" v="567"/>
          <ac:spMkLst>
            <pc:docMk/>
            <pc:sldMk cId="1279582212" sldId="257"/>
            <ac:spMk id="334" creationId="{DE93DA53-B858-4B54-BB49-39667645607A}"/>
          </ac:spMkLst>
        </pc:spChg>
        <pc:spChg chg="del">
          <ac:chgData name="Manuel Lidauer" userId="b55e45dd-c6cc-461d-bef5-835fc172e678" providerId="ADAL" clId="{BCD0C6F6-2D95-4A66-B702-D3858BC1FC00}" dt="2019-09-26T09:01:01.393" v="569"/>
          <ac:spMkLst>
            <pc:docMk/>
            <pc:sldMk cId="1279582212" sldId="257"/>
            <ac:spMk id="335" creationId="{DFE0107A-5EBA-451D-AAA5-0F359CD85323}"/>
          </ac:spMkLst>
        </pc:spChg>
        <pc:spChg chg="del">
          <ac:chgData name="Manuel Lidauer" userId="b55e45dd-c6cc-461d-bef5-835fc172e678" providerId="ADAL" clId="{BCD0C6F6-2D95-4A66-B702-D3858BC1FC00}" dt="2019-09-26T09:01:01.394" v="570"/>
          <ac:spMkLst>
            <pc:docMk/>
            <pc:sldMk cId="1279582212" sldId="257"/>
            <ac:spMk id="336" creationId="{E95AEC32-EF26-477A-918E-98643DF50877}"/>
          </ac:spMkLst>
        </pc:spChg>
        <pc:spChg chg="del">
          <ac:chgData name="Manuel Lidauer" userId="b55e45dd-c6cc-461d-bef5-835fc172e678" providerId="ADAL" clId="{BCD0C6F6-2D95-4A66-B702-D3858BC1FC00}" dt="2019-09-26T09:01:01.395" v="572"/>
          <ac:spMkLst>
            <pc:docMk/>
            <pc:sldMk cId="1279582212" sldId="257"/>
            <ac:spMk id="337" creationId="{879292E9-F647-4C74-A4D7-D81CADC16F22}"/>
          </ac:spMkLst>
        </pc:spChg>
        <pc:spChg chg="del">
          <ac:chgData name="Manuel Lidauer" userId="b55e45dd-c6cc-461d-bef5-835fc172e678" providerId="ADAL" clId="{BCD0C6F6-2D95-4A66-B702-D3858BC1FC00}" dt="2019-09-26T09:01:01.396" v="574"/>
          <ac:spMkLst>
            <pc:docMk/>
            <pc:sldMk cId="1279582212" sldId="257"/>
            <ac:spMk id="338" creationId="{89168FFA-B644-4D8D-AD0B-ABA92C22C042}"/>
          </ac:spMkLst>
        </pc:spChg>
        <pc:spChg chg="del">
          <ac:chgData name="Manuel Lidauer" userId="b55e45dd-c6cc-461d-bef5-835fc172e678" providerId="ADAL" clId="{BCD0C6F6-2D95-4A66-B702-D3858BC1FC00}" dt="2019-09-26T09:01:01.397" v="576"/>
          <ac:spMkLst>
            <pc:docMk/>
            <pc:sldMk cId="1279582212" sldId="257"/>
            <ac:spMk id="339" creationId="{5AF97343-C028-4B79-8346-A4CFE4AC95E0}"/>
          </ac:spMkLst>
        </pc:spChg>
        <pc:spChg chg="del">
          <ac:chgData name="Manuel Lidauer" userId="b55e45dd-c6cc-461d-bef5-835fc172e678" providerId="ADAL" clId="{BCD0C6F6-2D95-4A66-B702-D3858BC1FC00}" dt="2019-09-26T09:01:01.398" v="578"/>
          <ac:spMkLst>
            <pc:docMk/>
            <pc:sldMk cId="1279582212" sldId="257"/>
            <ac:spMk id="340" creationId="{A3F69DC9-5FF3-44CB-BD20-BD350872FD3A}"/>
          </ac:spMkLst>
        </pc:spChg>
        <pc:spChg chg="del">
          <ac:chgData name="Manuel Lidauer" userId="b55e45dd-c6cc-461d-bef5-835fc172e678" providerId="ADAL" clId="{BCD0C6F6-2D95-4A66-B702-D3858BC1FC00}" dt="2019-09-26T09:01:01.399" v="580"/>
          <ac:spMkLst>
            <pc:docMk/>
            <pc:sldMk cId="1279582212" sldId="257"/>
            <ac:spMk id="341" creationId="{2CD8AE0E-C359-4D76-9862-BD827FCD2E63}"/>
          </ac:spMkLst>
        </pc:spChg>
        <pc:spChg chg="del">
          <ac:chgData name="Manuel Lidauer" userId="b55e45dd-c6cc-461d-bef5-835fc172e678" providerId="ADAL" clId="{BCD0C6F6-2D95-4A66-B702-D3858BC1FC00}" dt="2019-09-26T09:01:01.400" v="582"/>
          <ac:spMkLst>
            <pc:docMk/>
            <pc:sldMk cId="1279582212" sldId="257"/>
            <ac:spMk id="342" creationId="{964D83BE-7A7B-44AB-B1E8-C76E0D2992EF}"/>
          </ac:spMkLst>
        </pc:spChg>
        <pc:spChg chg="del">
          <ac:chgData name="Manuel Lidauer" userId="b55e45dd-c6cc-461d-bef5-835fc172e678" providerId="ADAL" clId="{BCD0C6F6-2D95-4A66-B702-D3858BC1FC00}" dt="2019-09-26T09:01:01.401" v="584"/>
          <ac:spMkLst>
            <pc:docMk/>
            <pc:sldMk cId="1279582212" sldId="257"/>
            <ac:spMk id="343" creationId="{D12EE572-72D5-4565-A3E5-B204A0A8623E}"/>
          </ac:spMkLst>
        </pc:spChg>
        <pc:spChg chg="del">
          <ac:chgData name="Manuel Lidauer" userId="b55e45dd-c6cc-461d-bef5-835fc172e678" providerId="ADAL" clId="{BCD0C6F6-2D95-4A66-B702-D3858BC1FC00}" dt="2019-09-26T09:01:01.402" v="585"/>
          <ac:spMkLst>
            <pc:docMk/>
            <pc:sldMk cId="1279582212" sldId="257"/>
            <ac:spMk id="344" creationId="{FBE42DA8-90BC-4439-9F32-5B9101441698}"/>
          </ac:spMkLst>
        </pc:spChg>
        <pc:spChg chg="del">
          <ac:chgData name="Manuel Lidauer" userId="b55e45dd-c6cc-461d-bef5-835fc172e678" providerId="ADAL" clId="{BCD0C6F6-2D95-4A66-B702-D3858BC1FC00}" dt="2019-09-26T09:01:01.403" v="587"/>
          <ac:spMkLst>
            <pc:docMk/>
            <pc:sldMk cId="1279582212" sldId="257"/>
            <ac:spMk id="345" creationId="{7048E53E-7347-453D-9EB6-BA9A2BC8AC07}"/>
          </ac:spMkLst>
        </pc:spChg>
        <pc:spChg chg="del">
          <ac:chgData name="Manuel Lidauer" userId="b55e45dd-c6cc-461d-bef5-835fc172e678" providerId="ADAL" clId="{BCD0C6F6-2D95-4A66-B702-D3858BC1FC00}" dt="2019-09-26T09:01:01.405" v="589"/>
          <ac:spMkLst>
            <pc:docMk/>
            <pc:sldMk cId="1279582212" sldId="257"/>
            <ac:spMk id="346" creationId="{80E651FA-89F4-4F5F-9786-9475623558F3}"/>
          </ac:spMkLst>
        </pc:spChg>
        <pc:spChg chg="del">
          <ac:chgData name="Manuel Lidauer" userId="b55e45dd-c6cc-461d-bef5-835fc172e678" providerId="ADAL" clId="{BCD0C6F6-2D95-4A66-B702-D3858BC1FC00}" dt="2019-09-26T09:01:01.406" v="591"/>
          <ac:spMkLst>
            <pc:docMk/>
            <pc:sldMk cId="1279582212" sldId="257"/>
            <ac:spMk id="347" creationId="{4C5FD083-9AF2-497B-8FFE-0F5E4C2C84A8}"/>
          </ac:spMkLst>
        </pc:spChg>
        <pc:spChg chg="del">
          <ac:chgData name="Manuel Lidauer" userId="b55e45dd-c6cc-461d-bef5-835fc172e678" providerId="ADAL" clId="{BCD0C6F6-2D95-4A66-B702-D3858BC1FC00}" dt="2019-09-26T09:01:01.407" v="593"/>
          <ac:spMkLst>
            <pc:docMk/>
            <pc:sldMk cId="1279582212" sldId="257"/>
            <ac:spMk id="348" creationId="{90E2F7B0-EDA6-4D7E-8962-43C53DCB16F7}"/>
          </ac:spMkLst>
        </pc:spChg>
        <pc:spChg chg="del">
          <ac:chgData name="Manuel Lidauer" userId="b55e45dd-c6cc-461d-bef5-835fc172e678" providerId="ADAL" clId="{BCD0C6F6-2D95-4A66-B702-D3858BC1FC00}" dt="2019-09-26T09:01:01.408" v="595"/>
          <ac:spMkLst>
            <pc:docMk/>
            <pc:sldMk cId="1279582212" sldId="257"/>
            <ac:spMk id="349" creationId="{D90E8942-816B-4CBA-BAA9-8F9CE609E722}"/>
          </ac:spMkLst>
        </pc:spChg>
        <pc:spChg chg="del">
          <ac:chgData name="Manuel Lidauer" userId="b55e45dd-c6cc-461d-bef5-835fc172e678" providerId="ADAL" clId="{BCD0C6F6-2D95-4A66-B702-D3858BC1FC00}" dt="2019-09-26T09:01:01.409" v="597"/>
          <ac:spMkLst>
            <pc:docMk/>
            <pc:sldMk cId="1279582212" sldId="257"/>
            <ac:spMk id="350" creationId="{077FD8BC-D796-474F-9A43-94B389EB37AB}"/>
          </ac:spMkLst>
        </pc:spChg>
        <pc:spChg chg="del">
          <ac:chgData name="Manuel Lidauer" userId="b55e45dd-c6cc-461d-bef5-835fc172e678" providerId="ADAL" clId="{BCD0C6F6-2D95-4A66-B702-D3858BC1FC00}" dt="2019-09-26T09:01:01.410" v="599"/>
          <ac:spMkLst>
            <pc:docMk/>
            <pc:sldMk cId="1279582212" sldId="257"/>
            <ac:spMk id="351" creationId="{B29DA4A8-9769-4B64-8E50-42E721481090}"/>
          </ac:spMkLst>
        </pc:spChg>
        <pc:spChg chg="del">
          <ac:chgData name="Manuel Lidauer" userId="b55e45dd-c6cc-461d-bef5-835fc172e678" providerId="ADAL" clId="{BCD0C6F6-2D95-4A66-B702-D3858BC1FC00}" dt="2019-09-26T09:01:01.411" v="600"/>
          <ac:spMkLst>
            <pc:docMk/>
            <pc:sldMk cId="1279582212" sldId="257"/>
            <ac:spMk id="352" creationId="{3842D20A-2289-4DAA-88FB-96D49866155F}"/>
          </ac:spMkLst>
        </pc:spChg>
        <pc:spChg chg="del">
          <ac:chgData name="Manuel Lidauer" userId="b55e45dd-c6cc-461d-bef5-835fc172e678" providerId="ADAL" clId="{BCD0C6F6-2D95-4A66-B702-D3858BC1FC00}" dt="2019-09-26T09:01:01.412" v="602"/>
          <ac:spMkLst>
            <pc:docMk/>
            <pc:sldMk cId="1279582212" sldId="257"/>
            <ac:spMk id="353" creationId="{35577A83-52D9-41DF-8073-5AFEBCFC90E0}"/>
          </ac:spMkLst>
        </pc:spChg>
        <pc:spChg chg="del">
          <ac:chgData name="Manuel Lidauer" userId="b55e45dd-c6cc-461d-bef5-835fc172e678" providerId="ADAL" clId="{BCD0C6F6-2D95-4A66-B702-D3858BC1FC00}" dt="2019-09-26T09:01:01.413" v="604"/>
          <ac:spMkLst>
            <pc:docMk/>
            <pc:sldMk cId="1279582212" sldId="257"/>
            <ac:spMk id="354" creationId="{8CCFF370-83F4-4FDE-A317-49222FBA7BB5}"/>
          </ac:spMkLst>
        </pc:spChg>
        <pc:spChg chg="del">
          <ac:chgData name="Manuel Lidauer" userId="b55e45dd-c6cc-461d-bef5-835fc172e678" providerId="ADAL" clId="{BCD0C6F6-2D95-4A66-B702-D3858BC1FC00}" dt="2019-09-26T09:01:01.414" v="606"/>
          <ac:spMkLst>
            <pc:docMk/>
            <pc:sldMk cId="1279582212" sldId="257"/>
            <ac:spMk id="355" creationId="{EF576025-937C-4853-BFE2-F8A2B3D8D5F3}"/>
          </ac:spMkLst>
        </pc:spChg>
        <pc:spChg chg="del">
          <ac:chgData name="Manuel Lidauer" userId="b55e45dd-c6cc-461d-bef5-835fc172e678" providerId="ADAL" clId="{BCD0C6F6-2D95-4A66-B702-D3858BC1FC00}" dt="2019-09-26T09:01:01.415" v="608"/>
          <ac:spMkLst>
            <pc:docMk/>
            <pc:sldMk cId="1279582212" sldId="257"/>
            <ac:spMk id="356" creationId="{447AA93A-D584-4E8A-8312-BD2CBFF04F89}"/>
          </ac:spMkLst>
        </pc:spChg>
        <pc:spChg chg="del">
          <ac:chgData name="Manuel Lidauer" userId="b55e45dd-c6cc-461d-bef5-835fc172e678" providerId="ADAL" clId="{BCD0C6F6-2D95-4A66-B702-D3858BC1FC00}" dt="2019-09-26T09:01:01.416" v="610"/>
          <ac:spMkLst>
            <pc:docMk/>
            <pc:sldMk cId="1279582212" sldId="257"/>
            <ac:spMk id="357" creationId="{D96FCD03-A43F-4ADE-9918-65C6D84F2E3D}"/>
          </ac:spMkLst>
        </pc:spChg>
        <pc:spChg chg="del">
          <ac:chgData name="Manuel Lidauer" userId="b55e45dd-c6cc-461d-bef5-835fc172e678" providerId="ADAL" clId="{BCD0C6F6-2D95-4A66-B702-D3858BC1FC00}" dt="2019-09-26T09:01:01.417" v="612"/>
          <ac:spMkLst>
            <pc:docMk/>
            <pc:sldMk cId="1279582212" sldId="257"/>
            <ac:spMk id="358" creationId="{52B988E5-2332-43F4-9A13-6FD4490B294E}"/>
          </ac:spMkLst>
        </pc:spChg>
        <pc:spChg chg="del">
          <ac:chgData name="Manuel Lidauer" userId="b55e45dd-c6cc-461d-bef5-835fc172e678" providerId="ADAL" clId="{BCD0C6F6-2D95-4A66-B702-D3858BC1FC00}" dt="2019-09-26T09:01:01.418" v="614"/>
          <ac:spMkLst>
            <pc:docMk/>
            <pc:sldMk cId="1279582212" sldId="257"/>
            <ac:spMk id="359" creationId="{CFA4FC05-1EE8-4C6A-BC3A-46834EA232FA}"/>
          </ac:spMkLst>
        </pc:spChg>
        <pc:spChg chg="del">
          <ac:chgData name="Manuel Lidauer" userId="b55e45dd-c6cc-461d-bef5-835fc172e678" providerId="ADAL" clId="{BCD0C6F6-2D95-4A66-B702-D3858BC1FC00}" dt="2019-09-26T09:01:01.418" v="615"/>
          <ac:spMkLst>
            <pc:docMk/>
            <pc:sldMk cId="1279582212" sldId="257"/>
            <ac:spMk id="360" creationId="{EB83B127-67C4-4C2C-AEDC-12F707887940}"/>
          </ac:spMkLst>
        </pc:spChg>
        <pc:spChg chg="del">
          <ac:chgData name="Manuel Lidauer" userId="b55e45dd-c6cc-461d-bef5-835fc172e678" providerId="ADAL" clId="{BCD0C6F6-2D95-4A66-B702-D3858BC1FC00}" dt="2019-09-26T09:01:01.420" v="617"/>
          <ac:spMkLst>
            <pc:docMk/>
            <pc:sldMk cId="1279582212" sldId="257"/>
            <ac:spMk id="361" creationId="{012C62BE-60FE-457D-81B6-E6971FAEC561}"/>
          </ac:spMkLst>
        </pc:spChg>
        <pc:spChg chg="del">
          <ac:chgData name="Manuel Lidauer" userId="b55e45dd-c6cc-461d-bef5-835fc172e678" providerId="ADAL" clId="{BCD0C6F6-2D95-4A66-B702-D3858BC1FC00}" dt="2019-09-26T09:01:01.421" v="619"/>
          <ac:spMkLst>
            <pc:docMk/>
            <pc:sldMk cId="1279582212" sldId="257"/>
            <ac:spMk id="362" creationId="{AF44C5CE-1ECA-4832-B2D8-86EF5CA94520}"/>
          </ac:spMkLst>
        </pc:spChg>
        <pc:spChg chg="del">
          <ac:chgData name="Manuel Lidauer" userId="b55e45dd-c6cc-461d-bef5-835fc172e678" providerId="ADAL" clId="{BCD0C6F6-2D95-4A66-B702-D3858BC1FC00}" dt="2019-09-26T09:01:01.423" v="621"/>
          <ac:spMkLst>
            <pc:docMk/>
            <pc:sldMk cId="1279582212" sldId="257"/>
            <ac:spMk id="363" creationId="{F8EC36B9-1767-49EE-94BB-FC96C53BD32E}"/>
          </ac:spMkLst>
        </pc:spChg>
        <pc:spChg chg="del">
          <ac:chgData name="Manuel Lidauer" userId="b55e45dd-c6cc-461d-bef5-835fc172e678" providerId="ADAL" clId="{BCD0C6F6-2D95-4A66-B702-D3858BC1FC00}" dt="2019-09-26T09:01:01.424" v="623"/>
          <ac:spMkLst>
            <pc:docMk/>
            <pc:sldMk cId="1279582212" sldId="257"/>
            <ac:spMk id="364" creationId="{82380B14-8BF5-4771-9A24-D4FB2B67F0A9}"/>
          </ac:spMkLst>
        </pc:spChg>
        <pc:spChg chg="del">
          <ac:chgData name="Manuel Lidauer" userId="b55e45dd-c6cc-461d-bef5-835fc172e678" providerId="ADAL" clId="{BCD0C6F6-2D95-4A66-B702-D3858BC1FC00}" dt="2019-09-26T09:01:01.425" v="625"/>
          <ac:spMkLst>
            <pc:docMk/>
            <pc:sldMk cId="1279582212" sldId="257"/>
            <ac:spMk id="365" creationId="{00E8B63A-E7D3-4365-8DC2-CBBA3DA4312E}"/>
          </ac:spMkLst>
        </pc:spChg>
        <pc:spChg chg="del">
          <ac:chgData name="Manuel Lidauer" userId="b55e45dd-c6cc-461d-bef5-835fc172e678" providerId="ADAL" clId="{BCD0C6F6-2D95-4A66-B702-D3858BC1FC00}" dt="2019-09-26T09:01:01.426" v="627"/>
          <ac:spMkLst>
            <pc:docMk/>
            <pc:sldMk cId="1279582212" sldId="257"/>
            <ac:spMk id="366" creationId="{F564EE8B-F64C-4733-BB16-2B4175A2B183}"/>
          </ac:spMkLst>
        </pc:spChg>
        <pc:spChg chg="del">
          <ac:chgData name="Manuel Lidauer" userId="b55e45dd-c6cc-461d-bef5-835fc172e678" providerId="ADAL" clId="{BCD0C6F6-2D95-4A66-B702-D3858BC1FC00}" dt="2019-09-26T09:01:01.427" v="629"/>
          <ac:spMkLst>
            <pc:docMk/>
            <pc:sldMk cId="1279582212" sldId="257"/>
            <ac:spMk id="367" creationId="{1C816717-128D-4805-8C38-067D4D784BD4}"/>
          </ac:spMkLst>
        </pc:spChg>
        <pc:spChg chg="del">
          <ac:chgData name="Manuel Lidauer" userId="b55e45dd-c6cc-461d-bef5-835fc172e678" providerId="ADAL" clId="{BCD0C6F6-2D95-4A66-B702-D3858BC1FC00}" dt="2019-09-26T09:01:01.428" v="630"/>
          <ac:spMkLst>
            <pc:docMk/>
            <pc:sldMk cId="1279582212" sldId="257"/>
            <ac:spMk id="368" creationId="{BB448B7B-67CD-4302-87DB-97F78D950856}"/>
          </ac:spMkLst>
        </pc:spChg>
        <pc:spChg chg="del">
          <ac:chgData name="Manuel Lidauer" userId="b55e45dd-c6cc-461d-bef5-835fc172e678" providerId="ADAL" clId="{BCD0C6F6-2D95-4A66-B702-D3858BC1FC00}" dt="2019-09-26T09:01:01.429" v="632"/>
          <ac:spMkLst>
            <pc:docMk/>
            <pc:sldMk cId="1279582212" sldId="257"/>
            <ac:spMk id="369" creationId="{EED9C5CB-BE53-4261-ADF4-B5BF0A19AD03}"/>
          </ac:spMkLst>
        </pc:spChg>
        <pc:spChg chg="del">
          <ac:chgData name="Manuel Lidauer" userId="b55e45dd-c6cc-461d-bef5-835fc172e678" providerId="ADAL" clId="{BCD0C6F6-2D95-4A66-B702-D3858BC1FC00}" dt="2019-09-26T09:01:01.430" v="634"/>
          <ac:spMkLst>
            <pc:docMk/>
            <pc:sldMk cId="1279582212" sldId="257"/>
            <ac:spMk id="370" creationId="{BA230F76-423D-463B-A53E-11A57325A18F}"/>
          </ac:spMkLst>
        </pc:spChg>
        <pc:spChg chg="del">
          <ac:chgData name="Manuel Lidauer" userId="b55e45dd-c6cc-461d-bef5-835fc172e678" providerId="ADAL" clId="{BCD0C6F6-2D95-4A66-B702-D3858BC1FC00}" dt="2019-09-26T09:01:01.431" v="636"/>
          <ac:spMkLst>
            <pc:docMk/>
            <pc:sldMk cId="1279582212" sldId="257"/>
            <ac:spMk id="371" creationId="{694A8F5F-552B-481F-B7A7-A96CCA5F0622}"/>
          </ac:spMkLst>
        </pc:spChg>
        <pc:spChg chg="del">
          <ac:chgData name="Manuel Lidauer" userId="b55e45dd-c6cc-461d-bef5-835fc172e678" providerId="ADAL" clId="{BCD0C6F6-2D95-4A66-B702-D3858BC1FC00}" dt="2019-09-26T09:01:01.432" v="638"/>
          <ac:spMkLst>
            <pc:docMk/>
            <pc:sldMk cId="1279582212" sldId="257"/>
            <ac:spMk id="372" creationId="{A26B41AA-17A1-4402-A3D9-F1F0141AC550}"/>
          </ac:spMkLst>
        </pc:spChg>
        <pc:spChg chg="del">
          <ac:chgData name="Manuel Lidauer" userId="b55e45dd-c6cc-461d-bef5-835fc172e678" providerId="ADAL" clId="{BCD0C6F6-2D95-4A66-B702-D3858BC1FC00}" dt="2019-09-26T09:01:01.433" v="640"/>
          <ac:spMkLst>
            <pc:docMk/>
            <pc:sldMk cId="1279582212" sldId="257"/>
            <ac:spMk id="373" creationId="{71D348E1-A935-47D5-B3DF-801CB788CD7A}"/>
          </ac:spMkLst>
        </pc:spChg>
        <pc:spChg chg="del">
          <ac:chgData name="Manuel Lidauer" userId="b55e45dd-c6cc-461d-bef5-835fc172e678" providerId="ADAL" clId="{BCD0C6F6-2D95-4A66-B702-D3858BC1FC00}" dt="2019-09-26T09:01:01.435" v="642"/>
          <ac:spMkLst>
            <pc:docMk/>
            <pc:sldMk cId="1279582212" sldId="257"/>
            <ac:spMk id="374" creationId="{006A1E2D-C9F3-43B8-AC9E-E876F5A5F835}"/>
          </ac:spMkLst>
        </pc:spChg>
        <pc:spChg chg="del">
          <ac:chgData name="Manuel Lidauer" userId="b55e45dd-c6cc-461d-bef5-835fc172e678" providerId="ADAL" clId="{BCD0C6F6-2D95-4A66-B702-D3858BC1FC00}" dt="2019-09-26T09:01:01.436" v="644"/>
          <ac:spMkLst>
            <pc:docMk/>
            <pc:sldMk cId="1279582212" sldId="257"/>
            <ac:spMk id="375" creationId="{7B6FA9CE-F6CE-481C-99F3-EE38CA2C3EC6}"/>
          </ac:spMkLst>
        </pc:spChg>
        <pc:spChg chg="add del mod modVis">
          <ac:chgData name="Manuel Lidauer" userId="b55e45dd-c6cc-461d-bef5-835fc172e678" providerId="ADAL" clId="{BCD0C6F6-2D95-4A66-B702-D3858BC1FC00}" dt="2019-09-26T09:33:58.635" v="12449"/>
          <ac:spMkLst>
            <pc:docMk/>
            <pc:sldMk cId="1279582212" sldId="257"/>
            <ac:spMk id="376" creationId="{E7DB0A67-B95F-48AB-A07E-6E910DC8A0D3}"/>
          </ac:spMkLst>
        </pc:spChg>
        <pc:spChg chg="add del mod modVis">
          <ac:chgData name="Manuel Lidauer" userId="b55e45dd-c6cc-461d-bef5-835fc172e678" providerId="ADAL" clId="{BCD0C6F6-2D95-4A66-B702-D3858BC1FC00}" dt="2019-09-26T09:33:58.636" v="12451"/>
          <ac:spMkLst>
            <pc:docMk/>
            <pc:sldMk cId="1279582212" sldId="257"/>
            <ac:spMk id="377" creationId="{25451CB8-DFEC-42AB-BE9D-ADC99D8C966A}"/>
          </ac:spMkLst>
        </pc:spChg>
        <pc:spChg chg="add del mod modVis">
          <ac:chgData name="Manuel Lidauer" userId="b55e45dd-c6cc-461d-bef5-835fc172e678" providerId="ADAL" clId="{BCD0C6F6-2D95-4A66-B702-D3858BC1FC00}" dt="2019-09-26T09:33:58.637" v="12452"/>
          <ac:spMkLst>
            <pc:docMk/>
            <pc:sldMk cId="1279582212" sldId="257"/>
            <ac:spMk id="378" creationId="{B16E447A-BC82-4638-B87D-378AAC0A0C96}"/>
          </ac:spMkLst>
        </pc:spChg>
        <pc:spChg chg="add del mod modVis">
          <ac:chgData name="Manuel Lidauer" userId="b55e45dd-c6cc-461d-bef5-835fc172e678" providerId="ADAL" clId="{BCD0C6F6-2D95-4A66-B702-D3858BC1FC00}" dt="2019-09-26T09:33:58.637" v="12453"/>
          <ac:spMkLst>
            <pc:docMk/>
            <pc:sldMk cId="1279582212" sldId="257"/>
            <ac:spMk id="379" creationId="{14ABB920-F45F-43A1-9D67-533E3E917564}"/>
          </ac:spMkLst>
        </pc:spChg>
        <pc:spChg chg="add del mod modVis">
          <ac:chgData name="Manuel Lidauer" userId="b55e45dd-c6cc-461d-bef5-835fc172e678" providerId="ADAL" clId="{BCD0C6F6-2D95-4A66-B702-D3858BC1FC00}" dt="2019-09-26T09:33:58.638" v="12454"/>
          <ac:spMkLst>
            <pc:docMk/>
            <pc:sldMk cId="1279582212" sldId="257"/>
            <ac:spMk id="380" creationId="{63C62BAA-85EF-4911-A72F-FE66796FDE02}"/>
          </ac:spMkLst>
        </pc:spChg>
        <pc:spChg chg="add del mod modVis">
          <ac:chgData name="Manuel Lidauer" userId="b55e45dd-c6cc-461d-bef5-835fc172e678" providerId="ADAL" clId="{BCD0C6F6-2D95-4A66-B702-D3858BC1FC00}" dt="2019-09-26T09:33:58.639" v="12456"/>
          <ac:spMkLst>
            <pc:docMk/>
            <pc:sldMk cId="1279582212" sldId="257"/>
            <ac:spMk id="381" creationId="{3982D475-57E5-4511-9C98-AFB129524AE9}"/>
          </ac:spMkLst>
        </pc:spChg>
        <pc:spChg chg="add del mod modVis">
          <ac:chgData name="Manuel Lidauer" userId="b55e45dd-c6cc-461d-bef5-835fc172e678" providerId="ADAL" clId="{BCD0C6F6-2D95-4A66-B702-D3858BC1FC00}" dt="2019-09-26T09:33:58.639" v="12458"/>
          <ac:spMkLst>
            <pc:docMk/>
            <pc:sldMk cId="1279582212" sldId="257"/>
            <ac:spMk id="382" creationId="{AF4CA793-EF78-4C64-B944-D2E4AEBE270C}"/>
          </ac:spMkLst>
        </pc:spChg>
        <pc:spChg chg="add del mod modVis">
          <ac:chgData name="Manuel Lidauer" userId="b55e45dd-c6cc-461d-bef5-835fc172e678" providerId="ADAL" clId="{BCD0C6F6-2D95-4A66-B702-D3858BC1FC00}" dt="2019-09-26T09:33:58.641" v="12462"/>
          <ac:spMkLst>
            <pc:docMk/>
            <pc:sldMk cId="1279582212" sldId="257"/>
            <ac:spMk id="384" creationId="{53CFD1A7-B1CB-4E50-8940-4EC59F9A9188}"/>
          </ac:spMkLst>
        </pc:spChg>
        <pc:spChg chg="add del mod modVis">
          <ac:chgData name="Manuel Lidauer" userId="b55e45dd-c6cc-461d-bef5-835fc172e678" providerId="ADAL" clId="{BCD0C6F6-2D95-4A66-B702-D3858BC1FC00}" dt="2019-09-26T09:33:58.642" v="12466"/>
          <ac:spMkLst>
            <pc:docMk/>
            <pc:sldMk cId="1279582212" sldId="257"/>
            <ac:spMk id="386" creationId="{3C1AB780-A006-4DD0-B248-551993194021}"/>
          </ac:spMkLst>
        </pc:spChg>
        <pc:spChg chg="add del mod modVis">
          <ac:chgData name="Manuel Lidauer" userId="b55e45dd-c6cc-461d-bef5-835fc172e678" providerId="ADAL" clId="{BCD0C6F6-2D95-4A66-B702-D3858BC1FC00}" dt="2019-09-26T09:33:58.642" v="12468"/>
          <ac:spMkLst>
            <pc:docMk/>
            <pc:sldMk cId="1279582212" sldId="257"/>
            <ac:spMk id="430" creationId="{CE309E25-0FBB-42DD-9EB8-48A44B587A88}"/>
          </ac:spMkLst>
        </pc:spChg>
        <pc:spChg chg="add del mod modVis">
          <ac:chgData name="Manuel Lidauer" userId="b55e45dd-c6cc-461d-bef5-835fc172e678" providerId="ADAL" clId="{BCD0C6F6-2D95-4A66-B702-D3858BC1FC00}" dt="2019-09-26T09:33:58.643" v="12470"/>
          <ac:spMkLst>
            <pc:docMk/>
            <pc:sldMk cId="1279582212" sldId="257"/>
            <ac:spMk id="431" creationId="{0985796E-9599-4009-B3CA-FF993A91B753}"/>
          </ac:spMkLst>
        </pc:spChg>
        <pc:spChg chg="add del mod modVis">
          <ac:chgData name="Manuel Lidauer" userId="b55e45dd-c6cc-461d-bef5-835fc172e678" providerId="ADAL" clId="{BCD0C6F6-2D95-4A66-B702-D3858BC1FC00}" dt="2019-09-26T09:33:58.644" v="12471"/>
          <ac:spMkLst>
            <pc:docMk/>
            <pc:sldMk cId="1279582212" sldId="257"/>
            <ac:spMk id="432" creationId="{80C4ABB9-75E2-40EB-9AE8-AF4778BF8293}"/>
          </ac:spMkLst>
        </pc:spChg>
        <pc:spChg chg="add del mod modVis">
          <ac:chgData name="Manuel Lidauer" userId="b55e45dd-c6cc-461d-bef5-835fc172e678" providerId="ADAL" clId="{BCD0C6F6-2D95-4A66-B702-D3858BC1FC00}" dt="2019-09-26T09:33:58.644" v="12473"/>
          <ac:spMkLst>
            <pc:docMk/>
            <pc:sldMk cId="1279582212" sldId="257"/>
            <ac:spMk id="433" creationId="{6029BBE8-0106-4B8C-88C1-4DC1DB9A63B1}"/>
          </ac:spMkLst>
        </pc:spChg>
        <pc:spChg chg="add del mod modVis">
          <ac:chgData name="Manuel Lidauer" userId="b55e45dd-c6cc-461d-bef5-835fc172e678" providerId="ADAL" clId="{BCD0C6F6-2D95-4A66-B702-D3858BC1FC00}" dt="2019-09-26T09:33:58.645" v="12475"/>
          <ac:spMkLst>
            <pc:docMk/>
            <pc:sldMk cId="1279582212" sldId="257"/>
            <ac:spMk id="434" creationId="{F5B23356-BE19-4872-84E0-72F59AEA7F25}"/>
          </ac:spMkLst>
        </pc:spChg>
        <pc:spChg chg="add del mod modVis">
          <ac:chgData name="Manuel Lidauer" userId="b55e45dd-c6cc-461d-bef5-835fc172e678" providerId="ADAL" clId="{BCD0C6F6-2D95-4A66-B702-D3858BC1FC00}" dt="2019-09-26T09:33:58.645" v="12476"/>
          <ac:spMkLst>
            <pc:docMk/>
            <pc:sldMk cId="1279582212" sldId="257"/>
            <ac:spMk id="435" creationId="{11EB5E7D-D06E-4692-8095-2F85D2DE211F}"/>
          </ac:spMkLst>
        </pc:spChg>
        <pc:spChg chg="add del mod modVis">
          <ac:chgData name="Manuel Lidauer" userId="b55e45dd-c6cc-461d-bef5-835fc172e678" providerId="ADAL" clId="{BCD0C6F6-2D95-4A66-B702-D3858BC1FC00}" dt="2019-09-26T09:33:58.646" v="12478"/>
          <ac:spMkLst>
            <pc:docMk/>
            <pc:sldMk cId="1279582212" sldId="257"/>
            <ac:spMk id="436" creationId="{06AEDFEF-DA1E-4AF5-9268-E852CA314215}"/>
          </ac:spMkLst>
        </pc:spChg>
        <pc:spChg chg="add del mod modVis">
          <ac:chgData name="Manuel Lidauer" userId="b55e45dd-c6cc-461d-bef5-835fc172e678" providerId="ADAL" clId="{BCD0C6F6-2D95-4A66-B702-D3858BC1FC00}" dt="2019-09-26T09:33:58.647" v="12480"/>
          <ac:spMkLst>
            <pc:docMk/>
            <pc:sldMk cId="1279582212" sldId="257"/>
            <ac:spMk id="437" creationId="{50EE987A-7438-4B90-B967-370DD025189E}"/>
          </ac:spMkLst>
        </pc:spChg>
        <pc:spChg chg="add del mod modVis">
          <ac:chgData name="Manuel Lidauer" userId="b55e45dd-c6cc-461d-bef5-835fc172e678" providerId="ADAL" clId="{BCD0C6F6-2D95-4A66-B702-D3858BC1FC00}" dt="2019-09-26T09:33:58.647" v="12481"/>
          <ac:spMkLst>
            <pc:docMk/>
            <pc:sldMk cId="1279582212" sldId="257"/>
            <ac:spMk id="438" creationId="{737A7FAE-8D6B-40F1-B8AC-4CF13034EC5D}"/>
          </ac:spMkLst>
        </pc:spChg>
        <pc:spChg chg="add del mod modVis">
          <ac:chgData name="Manuel Lidauer" userId="b55e45dd-c6cc-461d-bef5-835fc172e678" providerId="ADAL" clId="{BCD0C6F6-2D95-4A66-B702-D3858BC1FC00}" dt="2019-09-26T09:33:58.648" v="12483"/>
          <ac:spMkLst>
            <pc:docMk/>
            <pc:sldMk cId="1279582212" sldId="257"/>
            <ac:spMk id="439" creationId="{79272B11-2541-46EB-81C1-7B2C9A0DB7F4}"/>
          </ac:spMkLst>
        </pc:spChg>
        <pc:spChg chg="add del mod modVis">
          <ac:chgData name="Manuel Lidauer" userId="b55e45dd-c6cc-461d-bef5-835fc172e678" providerId="ADAL" clId="{BCD0C6F6-2D95-4A66-B702-D3858BC1FC00}" dt="2019-09-26T09:33:58.648" v="12485"/>
          <ac:spMkLst>
            <pc:docMk/>
            <pc:sldMk cId="1279582212" sldId="257"/>
            <ac:spMk id="440" creationId="{51377B79-CE15-4C11-97C2-CD8AF2BA894C}"/>
          </ac:spMkLst>
        </pc:spChg>
        <pc:spChg chg="add del mod modVis">
          <ac:chgData name="Manuel Lidauer" userId="b55e45dd-c6cc-461d-bef5-835fc172e678" providerId="ADAL" clId="{BCD0C6F6-2D95-4A66-B702-D3858BC1FC00}" dt="2019-09-26T09:33:58.649" v="12486"/>
          <ac:spMkLst>
            <pc:docMk/>
            <pc:sldMk cId="1279582212" sldId="257"/>
            <ac:spMk id="441" creationId="{E5A1E4E8-2072-47DA-A15E-E0F5EBF23161}"/>
          </ac:spMkLst>
        </pc:spChg>
        <pc:spChg chg="add del mod modVis">
          <ac:chgData name="Manuel Lidauer" userId="b55e45dd-c6cc-461d-bef5-835fc172e678" providerId="ADAL" clId="{BCD0C6F6-2D95-4A66-B702-D3858BC1FC00}" dt="2019-09-26T09:33:58.652" v="12488"/>
          <ac:spMkLst>
            <pc:docMk/>
            <pc:sldMk cId="1279582212" sldId="257"/>
            <ac:spMk id="442" creationId="{5D2DFEFC-9A24-4B25-B0DE-48B560B37549}"/>
          </ac:spMkLst>
        </pc:spChg>
        <pc:spChg chg="add del mod modVis">
          <ac:chgData name="Manuel Lidauer" userId="b55e45dd-c6cc-461d-bef5-835fc172e678" providerId="ADAL" clId="{BCD0C6F6-2D95-4A66-B702-D3858BC1FC00}" dt="2019-09-26T09:33:58.652" v="12490"/>
          <ac:spMkLst>
            <pc:docMk/>
            <pc:sldMk cId="1279582212" sldId="257"/>
            <ac:spMk id="443" creationId="{848B444F-C718-4AD4-A067-D01B69B7A6B9}"/>
          </ac:spMkLst>
        </pc:spChg>
        <pc:spChg chg="add del mod modVis">
          <ac:chgData name="Manuel Lidauer" userId="b55e45dd-c6cc-461d-bef5-835fc172e678" providerId="ADAL" clId="{BCD0C6F6-2D95-4A66-B702-D3858BC1FC00}" dt="2019-09-26T09:33:58.653" v="12491"/>
          <ac:spMkLst>
            <pc:docMk/>
            <pc:sldMk cId="1279582212" sldId="257"/>
            <ac:spMk id="444" creationId="{C7626A24-FA79-463D-B871-B4A76CF7BBD7}"/>
          </ac:spMkLst>
        </pc:spChg>
        <pc:spChg chg="add del mod modVis">
          <ac:chgData name="Manuel Lidauer" userId="b55e45dd-c6cc-461d-bef5-835fc172e678" providerId="ADAL" clId="{BCD0C6F6-2D95-4A66-B702-D3858BC1FC00}" dt="2019-09-26T09:33:58.653" v="12493"/>
          <ac:spMkLst>
            <pc:docMk/>
            <pc:sldMk cId="1279582212" sldId="257"/>
            <ac:spMk id="445" creationId="{E58D9F65-3314-4699-950E-386D77A1B917}"/>
          </ac:spMkLst>
        </pc:spChg>
        <pc:spChg chg="add del mod modVis">
          <ac:chgData name="Manuel Lidauer" userId="b55e45dd-c6cc-461d-bef5-835fc172e678" providerId="ADAL" clId="{BCD0C6F6-2D95-4A66-B702-D3858BC1FC00}" dt="2019-09-26T09:33:58.654" v="12495"/>
          <ac:spMkLst>
            <pc:docMk/>
            <pc:sldMk cId="1279582212" sldId="257"/>
            <ac:spMk id="446" creationId="{310CAB71-A248-45C3-8CAC-1BC22D3991C7}"/>
          </ac:spMkLst>
        </pc:spChg>
        <pc:spChg chg="add del mod modVis">
          <ac:chgData name="Manuel Lidauer" userId="b55e45dd-c6cc-461d-bef5-835fc172e678" providerId="ADAL" clId="{BCD0C6F6-2D95-4A66-B702-D3858BC1FC00}" dt="2019-09-26T09:33:58.655" v="12496"/>
          <ac:spMkLst>
            <pc:docMk/>
            <pc:sldMk cId="1279582212" sldId="257"/>
            <ac:spMk id="447" creationId="{29E5BC5C-55E9-42E4-9B0A-65E659BFDAEF}"/>
          </ac:spMkLst>
        </pc:spChg>
        <pc:spChg chg="add del mod modVis">
          <ac:chgData name="Manuel Lidauer" userId="b55e45dd-c6cc-461d-bef5-835fc172e678" providerId="ADAL" clId="{BCD0C6F6-2D95-4A66-B702-D3858BC1FC00}" dt="2019-09-26T09:33:58.655" v="12497"/>
          <ac:spMkLst>
            <pc:docMk/>
            <pc:sldMk cId="1279582212" sldId="257"/>
            <ac:spMk id="448" creationId="{565E58E3-3E38-481B-96E1-CD063134B4F0}"/>
          </ac:spMkLst>
        </pc:spChg>
        <pc:spChg chg="add del mod modVis">
          <ac:chgData name="Manuel Lidauer" userId="b55e45dd-c6cc-461d-bef5-835fc172e678" providerId="ADAL" clId="{BCD0C6F6-2D95-4A66-B702-D3858BC1FC00}" dt="2019-09-26T09:33:58.655" v="12499"/>
          <ac:spMkLst>
            <pc:docMk/>
            <pc:sldMk cId="1279582212" sldId="257"/>
            <ac:spMk id="449" creationId="{052D4308-9F68-4505-B263-6A8FD5D7ADD5}"/>
          </ac:spMkLst>
        </pc:spChg>
        <pc:spChg chg="add del mod modVis">
          <ac:chgData name="Manuel Lidauer" userId="b55e45dd-c6cc-461d-bef5-835fc172e678" providerId="ADAL" clId="{BCD0C6F6-2D95-4A66-B702-D3858BC1FC00}" dt="2019-09-26T09:33:58.656" v="12501"/>
          <ac:spMkLst>
            <pc:docMk/>
            <pc:sldMk cId="1279582212" sldId="257"/>
            <ac:spMk id="450" creationId="{CD9991C1-DAC6-4963-8224-D4627D9D0D40}"/>
          </ac:spMkLst>
        </pc:spChg>
        <pc:spChg chg="add del mod modVis">
          <ac:chgData name="Manuel Lidauer" userId="b55e45dd-c6cc-461d-bef5-835fc172e678" providerId="ADAL" clId="{BCD0C6F6-2D95-4A66-B702-D3858BC1FC00}" dt="2019-09-26T09:33:58.657" v="12503"/>
          <ac:spMkLst>
            <pc:docMk/>
            <pc:sldMk cId="1279582212" sldId="257"/>
            <ac:spMk id="451" creationId="{C6F17601-05B5-4317-A8D5-9669E80CAAE5}"/>
          </ac:spMkLst>
        </pc:spChg>
        <pc:spChg chg="add del mod modVis">
          <ac:chgData name="Manuel Lidauer" userId="b55e45dd-c6cc-461d-bef5-835fc172e678" providerId="ADAL" clId="{BCD0C6F6-2D95-4A66-B702-D3858BC1FC00}" dt="2019-09-26T09:33:58.657" v="12505"/>
          <ac:spMkLst>
            <pc:docMk/>
            <pc:sldMk cId="1279582212" sldId="257"/>
            <ac:spMk id="452" creationId="{D7F7F5D0-C686-4B8D-82BC-7CAACBC81ADA}"/>
          </ac:spMkLst>
        </pc:spChg>
        <pc:spChg chg="add del mod modVis">
          <ac:chgData name="Manuel Lidauer" userId="b55e45dd-c6cc-461d-bef5-835fc172e678" providerId="ADAL" clId="{BCD0C6F6-2D95-4A66-B702-D3858BC1FC00}" dt="2019-09-26T09:33:58.658" v="12507"/>
          <ac:spMkLst>
            <pc:docMk/>
            <pc:sldMk cId="1279582212" sldId="257"/>
            <ac:spMk id="453" creationId="{84C876BD-4EF0-40C8-842A-F45A98EDE09C}"/>
          </ac:spMkLst>
        </pc:spChg>
        <pc:spChg chg="add del mod modVis">
          <ac:chgData name="Manuel Lidauer" userId="b55e45dd-c6cc-461d-bef5-835fc172e678" providerId="ADAL" clId="{BCD0C6F6-2D95-4A66-B702-D3858BC1FC00}" dt="2019-09-26T09:33:58.659" v="12509"/>
          <ac:spMkLst>
            <pc:docMk/>
            <pc:sldMk cId="1279582212" sldId="257"/>
            <ac:spMk id="454" creationId="{0B4EE48E-A2DD-49CA-AFB4-FCC7F7BB093A}"/>
          </ac:spMkLst>
        </pc:spChg>
        <pc:spChg chg="add del mod modVis">
          <ac:chgData name="Manuel Lidauer" userId="b55e45dd-c6cc-461d-bef5-835fc172e678" providerId="ADAL" clId="{BCD0C6F6-2D95-4A66-B702-D3858BC1FC00}" dt="2019-09-26T09:33:58.660" v="12511"/>
          <ac:spMkLst>
            <pc:docMk/>
            <pc:sldMk cId="1279582212" sldId="257"/>
            <ac:spMk id="455" creationId="{D586A415-D9B7-4FD8-A5E4-D7FDE36DAD54}"/>
          </ac:spMkLst>
        </pc:spChg>
        <pc:spChg chg="add del mod modVis">
          <ac:chgData name="Manuel Lidauer" userId="b55e45dd-c6cc-461d-bef5-835fc172e678" providerId="ADAL" clId="{BCD0C6F6-2D95-4A66-B702-D3858BC1FC00}" dt="2019-09-26T09:33:58.660" v="12512"/>
          <ac:spMkLst>
            <pc:docMk/>
            <pc:sldMk cId="1279582212" sldId="257"/>
            <ac:spMk id="456" creationId="{C78388C8-817D-4164-B767-6D4456454875}"/>
          </ac:spMkLst>
        </pc:spChg>
        <pc:spChg chg="add del mod modVis">
          <ac:chgData name="Manuel Lidauer" userId="b55e45dd-c6cc-461d-bef5-835fc172e678" providerId="ADAL" clId="{BCD0C6F6-2D95-4A66-B702-D3858BC1FC00}" dt="2019-09-26T09:33:58.661" v="12514"/>
          <ac:spMkLst>
            <pc:docMk/>
            <pc:sldMk cId="1279582212" sldId="257"/>
            <ac:spMk id="457" creationId="{8AD31DAA-5BF6-4A86-A65B-2A77ECFA0F98}"/>
          </ac:spMkLst>
        </pc:spChg>
        <pc:spChg chg="add del mod modVis">
          <ac:chgData name="Manuel Lidauer" userId="b55e45dd-c6cc-461d-bef5-835fc172e678" providerId="ADAL" clId="{BCD0C6F6-2D95-4A66-B702-D3858BC1FC00}" dt="2019-09-26T09:33:58.661" v="12516"/>
          <ac:spMkLst>
            <pc:docMk/>
            <pc:sldMk cId="1279582212" sldId="257"/>
            <ac:spMk id="458" creationId="{912D726D-9FF5-44DB-A1A9-8EB2CF34BF95}"/>
          </ac:spMkLst>
        </pc:spChg>
        <pc:spChg chg="add del mod modVis">
          <ac:chgData name="Manuel Lidauer" userId="b55e45dd-c6cc-461d-bef5-835fc172e678" providerId="ADAL" clId="{BCD0C6F6-2D95-4A66-B702-D3858BC1FC00}" dt="2019-09-26T09:33:58.662" v="12518"/>
          <ac:spMkLst>
            <pc:docMk/>
            <pc:sldMk cId="1279582212" sldId="257"/>
            <ac:spMk id="459" creationId="{34A059A1-8BD5-45BE-8F6C-526D4ACBCB47}"/>
          </ac:spMkLst>
        </pc:spChg>
        <pc:spChg chg="add del mod modVis">
          <ac:chgData name="Manuel Lidauer" userId="b55e45dd-c6cc-461d-bef5-835fc172e678" providerId="ADAL" clId="{BCD0C6F6-2D95-4A66-B702-D3858BC1FC00}" dt="2019-09-26T09:33:58.663" v="12520"/>
          <ac:spMkLst>
            <pc:docMk/>
            <pc:sldMk cId="1279582212" sldId="257"/>
            <ac:spMk id="460" creationId="{2AB35C63-93BB-4418-9B68-EC3F73570704}"/>
          </ac:spMkLst>
        </pc:spChg>
        <pc:spChg chg="add del mod modVis">
          <ac:chgData name="Manuel Lidauer" userId="b55e45dd-c6cc-461d-bef5-835fc172e678" providerId="ADAL" clId="{BCD0C6F6-2D95-4A66-B702-D3858BC1FC00}" dt="2019-09-26T09:33:58.663" v="12522"/>
          <ac:spMkLst>
            <pc:docMk/>
            <pc:sldMk cId="1279582212" sldId="257"/>
            <ac:spMk id="461" creationId="{D439B166-02A6-4544-8520-A03B2867A5B2}"/>
          </ac:spMkLst>
        </pc:spChg>
        <pc:spChg chg="add del mod modVis">
          <ac:chgData name="Manuel Lidauer" userId="b55e45dd-c6cc-461d-bef5-835fc172e678" providerId="ADAL" clId="{BCD0C6F6-2D95-4A66-B702-D3858BC1FC00}" dt="2019-09-26T09:33:58.664" v="12524"/>
          <ac:spMkLst>
            <pc:docMk/>
            <pc:sldMk cId="1279582212" sldId="257"/>
            <ac:spMk id="462" creationId="{6E6F779C-42C7-440C-A6D5-8D532FC3E1BD}"/>
          </ac:spMkLst>
        </pc:spChg>
        <pc:spChg chg="add del mod modVis">
          <ac:chgData name="Manuel Lidauer" userId="b55e45dd-c6cc-461d-bef5-835fc172e678" providerId="ADAL" clId="{BCD0C6F6-2D95-4A66-B702-D3858BC1FC00}" dt="2019-09-26T09:33:58.664" v="12526"/>
          <ac:spMkLst>
            <pc:docMk/>
            <pc:sldMk cId="1279582212" sldId="257"/>
            <ac:spMk id="463" creationId="{14A35FAF-B8FE-4703-B087-A15D1C5109EB}"/>
          </ac:spMkLst>
        </pc:spChg>
        <pc:spChg chg="add del mod modVis">
          <ac:chgData name="Manuel Lidauer" userId="b55e45dd-c6cc-461d-bef5-835fc172e678" providerId="ADAL" clId="{BCD0C6F6-2D95-4A66-B702-D3858BC1FC00}" dt="2019-09-26T09:33:58.665" v="12527"/>
          <ac:spMkLst>
            <pc:docMk/>
            <pc:sldMk cId="1279582212" sldId="257"/>
            <ac:spMk id="464" creationId="{B6D13313-DD54-4DE4-AF0B-5B97D05B9A90}"/>
          </ac:spMkLst>
        </pc:spChg>
        <pc:spChg chg="add del mod modVis">
          <ac:chgData name="Manuel Lidauer" userId="b55e45dd-c6cc-461d-bef5-835fc172e678" providerId="ADAL" clId="{BCD0C6F6-2D95-4A66-B702-D3858BC1FC00}" dt="2019-09-26T09:33:58.666" v="12529"/>
          <ac:spMkLst>
            <pc:docMk/>
            <pc:sldMk cId="1279582212" sldId="257"/>
            <ac:spMk id="465" creationId="{F2E6C7E1-BCEA-4770-9E14-413EFF9FC56A}"/>
          </ac:spMkLst>
        </pc:spChg>
        <pc:spChg chg="add del mod modVis">
          <ac:chgData name="Manuel Lidauer" userId="b55e45dd-c6cc-461d-bef5-835fc172e678" providerId="ADAL" clId="{BCD0C6F6-2D95-4A66-B702-D3858BC1FC00}" dt="2019-09-26T09:33:58.667" v="12531"/>
          <ac:spMkLst>
            <pc:docMk/>
            <pc:sldMk cId="1279582212" sldId="257"/>
            <ac:spMk id="466" creationId="{13847697-F17F-4EF3-BC09-B52979D4D27B}"/>
          </ac:spMkLst>
        </pc:spChg>
        <pc:spChg chg="add del mod modVis">
          <ac:chgData name="Manuel Lidauer" userId="b55e45dd-c6cc-461d-bef5-835fc172e678" providerId="ADAL" clId="{BCD0C6F6-2D95-4A66-B702-D3858BC1FC00}" dt="2019-09-26T09:33:58.668" v="12533"/>
          <ac:spMkLst>
            <pc:docMk/>
            <pc:sldMk cId="1279582212" sldId="257"/>
            <ac:spMk id="467" creationId="{79DE70C2-58CA-448B-85B6-3D2ACF143FB9}"/>
          </ac:spMkLst>
        </pc:spChg>
        <pc:spChg chg="add del mod modVis">
          <ac:chgData name="Manuel Lidauer" userId="b55e45dd-c6cc-461d-bef5-835fc172e678" providerId="ADAL" clId="{BCD0C6F6-2D95-4A66-B702-D3858BC1FC00}" dt="2019-09-26T09:33:58.669" v="12535"/>
          <ac:spMkLst>
            <pc:docMk/>
            <pc:sldMk cId="1279582212" sldId="257"/>
            <ac:spMk id="468" creationId="{2DB9DF97-00BD-4195-B557-3A8F527A0D28}"/>
          </ac:spMkLst>
        </pc:spChg>
        <pc:spChg chg="add del mod modVis">
          <ac:chgData name="Manuel Lidauer" userId="b55e45dd-c6cc-461d-bef5-835fc172e678" providerId="ADAL" clId="{BCD0C6F6-2D95-4A66-B702-D3858BC1FC00}" dt="2019-09-26T09:33:58.669" v="12537"/>
          <ac:spMkLst>
            <pc:docMk/>
            <pc:sldMk cId="1279582212" sldId="257"/>
            <ac:spMk id="469" creationId="{B10458F1-A02C-4C44-9B40-B273EF8B3DF7}"/>
          </ac:spMkLst>
        </pc:spChg>
        <pc:spChg chg="add del mod modVis">
          <ac:chgData name="Manuel Lidauer" userId="b55e45dd-c6cc-461d-bef5-835fc172e678" providerId="ADAL" clId="{BCD0C6F6-2D95-4A66-B702-D3858BC1FC00}" dt="2019-09-26T09:33:58.670" v="12539"/>
          <ac:spMkLst>
            <pc:docMk/>
            <pc:sldMk cId="1279582212" sldId="257"/>
            <ac:spMk id="470" creationId="{43C79540-910E-4C03-916C-D36CECFC18D3}"/>
          </ac:spMkLst>
        </pc:spChg>
        <pc:spChg chg="add del mod modVis">
          <ac:chgData name="Manuel Lidauer" userId="b55e45dd-c6cc-461d-bef5-835fc172e678" providerId="ADAL" clId="{BCD0C6F6-2D95-4A66-B702-D3858BC1FC00}" dt="2019-09-26T09:33:58.671" v="12541"/>
          <ac:spMkLst>
            <pc:docMk/>
            <pc:sldMk cId="1279582212" sldId="257"/>
            <ac:spMk id="471" creationId="{DF7A497B-0A8E-4404-A7D9-1444E026E4F5}"/>
          </ac:spMkLst>
        </pc:spChg>
        <pc:spChg chg="add del mod modVis">
          <ac:chgData name="Manuel Lidauer" userId="b55e45dd-c6cc-461d-bef5-835fc172e678" providerId="ADAL" clId="{BCD0C6F6-2D95-4A66-B702-D3858BC1FC00}" dt="2019-09-26T09:33:58.671" v="12542"/>
          <ac:spMkLst>
            <pc:docMk/>
            <pc:sldMk cId="1279582212" sldId="257"/>
            <ac:spMk id="472" creationId="{31C5003F-FCAA-463F-AEF0-AF8C770BC988}"/>
          </ac:spMkLst>
        </pc:spChg>
        <pc:spChg chg="add del mod modVis">
          <ac:chgData name="Manuel Lidauer" userId="b55e45dd-c6cc-461d-bef5-835fc172e678" providerId="ADAL" clId="{BCD0C6F6-2D95-4A66-B702-D3858BC1FC00}" dt="2019-09-26T09:33:58.672" v="12544"/>
          <ac:spMkLst>
            <pc:docMk/>
            <pc:sldMk cId="1279582212" sldId="257"/>
            <ac:spMk id="473" creationId="{9019B712-2167-45C6-B745-18FCFBA0DD9D}"/>
          </ac:spMkLst>
        </pc:spChg>
        <pc:spChg chg="add del mod modVis">
          <ac:chgData name="Manuel Lidauer" userId="b55e45dd-c6cc-461d-bef5-835fc172e678" providerId="ADAL" clId="{BCD0C6F6-2D95-4A66-B702-D3858BC1FC00}" dt="2019-09-26T09:33:58.672" v="12546"/>
          <ac:spMkLst>
            <pc:docMk/>
            <pc:sldMk cId="1279582212" sldId="257"/>
            <ac:spMk id="474" creationId="{3F8C4E02-C9CC-499E-A0EF-DF188095C4E9}"/>
          </ac:spMkLst>
        </pc:spChg>
        <pc:spChg chg="add del mod modVis">
          <ac:chgData name="Manuel Lidauer" userId="b55e45dd-c6cc-461d-bef5-835fc172e678" providerId="ADAL" clId="{BCD0C6F6-2D95-4A66-B702-D3858BC1FC00}" dt="2019-09-26T09:33:58.673" v="12548"/>
          <ac:spMkLst>
            <pc:docMk/>
            <pc:sldMk cId="1279582212" sldId="257"/>
            <ac:spMk id="475" creationId="{78C9D6E1-0EB2-45D2-B896-ADA21B6AA41F}"/>
          </ac:spMkLst>
        </pc:spChg>
        <pc:spChg chg="add del mod modVis">
          <ac:chgData name="Manuel Lidauer" userId="b55e45dd-c6cc-461d-bef5-835fc172e678" providerId="ADAL" clId="{BCD0C6F6-2D95-4A66-B702-D3858BC1FC00}" dt="2019-09-26T09:33:58.673" v="12550"/>
          <ac:spMkLst>
            <pc:docMk/>
            <pc:sldMk cId="1279582212" sldId="257"/>
            <ac:spMk id="476" creationId="{861D29C9-46AF-4425-BE48-6E8EB77D10B3}"/>
          </ac:spMkLst>
        </pc:spChg>
        <pc:spChg chg="add del mod modVis">
          <ac:chgData name="Manuel Lidauer" userId="b55e45dd-c6cc-461d-bef5-835fc172e678" providerId="ADAL" clId="{BCD0C6F6-2D95-4A66-B702-D3858BC1FC00}" dt="2019-09-26T09:33:58.674" v="12552"/>
          <ac:spMkLst>
            <pc:docMk/>
            <pc:sldMk cId="1279582212" sldId="257"/>
            <ac:spMk id="477" creationId="{3E702021-314C-4C13-894C-80129103E598}"/>
          </ac:spMkLst>
        </pc:spChg>
        <pc:spChg chg="add del mod modVis">
          <ac:chgData name="Manuel Lidauer" userId="b55e45dd-c6cc-461d-bef5-835fc172e678" providerId="ADAL" clId="{BCD0C6F6-2D95-4A66-B702-D3858BC1FC00}" dt="2019-09-26T09:33:58.675" v="12554"/>
          <ac:spMkLst>
            <pc:docMk/>
            <pc:sldMk cId="1279582212" sldId="257"/>
            <ac:spMk id="478" creationId="{EE98AAFA-C968-46C1-8582-297633509F69}"/>
          </ac:spMkLst>
        </pc:spChg>
        <pc:spChg chg="add del mod modVis">
          <ac:chgData name="Manuel Lidauer" userId="b55e45dd-c6cc-461d-bef5-835fc172e678" providerId="ADAL" clId="{BCD0C6F6-2D95-4A66-B702-D3858BC1FC00}" dt="2019-09-26T09:33:58.676" v="12556"/>
          <ac:spMkLst>
            <pc:docMk/>
            <pc:sldMk cId="1279582212" sldId="257"/>
            <ac:spMk id="479" creationId="{E364B4D0-EEF7-41D9-837D-D01F2D9EBF3B}"/>
          </ac:spMkLst>
        </pc:spChg>
        <pc:spChg chg="add del mod modVis">
          <ac:chgData name="Manuel Lidauer" userId="b55e45dd-c6cc-461d-bef5-835fc172e678" providerId="ADAL" clId="{BCD0C6F6-2D95-4A66-B702-D3858BC1FC00}" dt="2019-09-26T09:33:58.676" v="12557"/>
          <ac:spMkLst>
            <pc:docMk/>
            <pc:sldMk cId="1279582212" sldId="257"/>
            <ac:spMk id="480" creationId="{FDECF399-13CE-4C25-A357-8BB94F0AC89C}"/>
          </ac:spMkLst>
        </pc:spChg>
        <pc:spChg chg="add del mod modVis">
          <ac:chgData name="Manuel Lidauer" userId="b55e45dd-c6cc-461d-bef5-835fc172e678" providerId="ADAL" clId="{BCD0C6F6-2D95-4A66-B702-D3858BC1FC00}" dt="2019-09-26T09:33:58.677" v="12559"/>
          <ac:spMkLst>
            <pc:docMk/>
            <pc:sldMk cId="1279582212" sldId="257"/>
            <ac:spMk id="481" creationId="{EC3C2467-3578-4AA8-B272-DE30E10CD334}"/>
          </ac:spMkLst>
        </pc:spChg>
        <pc:spChg chg="add del mod modVis">
          <ac:chgData name="Manuel Lidauer" userId="b55e45dd-c6cc-461d-bef5-835fc172e678" providerId="ADAL" clId="{BCD0C6F6-2D95-4A66-B702-D3858BC1FC00}" dt="2019-09-26T09:33:58.677" v="12561"/>
          <ac:spMkLst>
            <pc:docMk/>
            <pc:sldMk cId="1279582212" sldId="257"/>
            <ac:spMk id="482" creationId="{ADD464A3-08D2-4FDF-89F6-40BD8B01D83C}"/>
          </ac:spMkLst>
        </pc:spChg>
        <pc:spChg chg="add del mod modVis">
          <ac:chgData name="Manuel Lidauer" userId="b55e45dd-c6cc-461d-bef5-835fc172e678" providerId="ADAL" clId="{BCD0C6F6-2D95-4A66-B702-D3858BC1FC00}" dt="2019-09-26T09:33:58.678" v="12563"/>
          <ac:spMkLst>
            <pc:docMk/>
            <pc:sldMk cId="1279582212" sldId="257"/>
            <ac:spMk id="483" creationId="{3EDA74BD-CC71-41E0-8A4F-8241232EEDDF}"/>
          </ac:spMkLst>
        </pc:spChg>
        <pc:spChg chg="add del mod modVis">
          <ac:chgData name="Manuel Lidauer" userId="b55e45dd-c6cc-461d-bef5-835fc172e678" providerId="ADAL" clId="{BCD0C6F6-2D95-4A66-B702-D3858BC1FC00}" dt="2019-09-26T09:33:58.678" v="12565"/>
          <ac:spMkLst>
            <pc:docMk/>
            <pc:sldMk cId="1279582212" sldId="257"/>
            <ac:spMk id="484" creationId="{338C2E5E-518F-4481-95DD-A67277BB9428}"/>
          </ac:spMkLst>
        </pc:spChg>
        <pc:spChg chg="add del mod modVis">
          <ac:chgData name="Manuel Lidauer" userId="b55e45dd-c6cc-461d-bef5-835fc172e678" providerId="ADAL" clId="{BCD0C6F6-2D95-4A66-B702-D3858BC1FC00}" dt="2019-09-26T09:33:58.679" v="12567"/>
          <ac:spMkLst>
            <pc:docMk/>
            <pc:sldMk cId="1279582212" sldId="257"/>
            <ac:spMk id="485" creationId="{8B1EB2A3-17A9-4466-A7EC-247C2B3EB526}"/>
          </ac:spMkLst>
        </pc:spChg>
        <pc:spChg chg="add del mod modVis">
          <ac:chgData name="Manuel Lidauer" userId="b55e45dd-c6cc-461d-bef5-835fc172e678" providerId="ADAL" clId="{BCD0C6F6-2D95-4A66-B702-D3858BC1FC00}" dt="2019-09-26T09:33:58.680" v="12569"/>
          <ac:spMkLst>
            <pc:docMk/>
            <pc:sldMk cId="1279582212" sldId="257"/>
            <ac:spMk id="486" creationId="{68B67930-6B4F-43D5-8946-F7E37E1051CB}"/>
          </ac:spMkLst>
        </pc:spChg>
        <pc:spChg chg="add del mod modVis">
          <ac:chgData name="Manuel Lidauer" userId="b55e45dd-c6cc-461d-bef5-835fc172e678" providerId="ADAL" clId="{BCD0C6F6-2D95-4A66-B702-D3858BC1FC00}" dt="2019-09-26T09:33:58.680" v="12571"/>
          <ac:spMkLst>
            <pc:docMk/>
            <pc:sldMk cId="1279582212" sldId="257"/>
            <ac:spMk id="487" creationId="{AC63DB37-7192-4D61-9B89-D2C61587D9A3}"/>
          </ac:spMkLst>
        </pc:spChg>
        <pc:spChg chg="add del mod modVis">
          <ac:chgData name="Manuel Lidauer" userId="b55e45dd-c6cc-461d-bef5-835fc172e678" providerId="ADAL" clId="{BCD0C6F6-2D95-4A66-B702-D3858BC1FC00}" dt="2019-09-26T09:33:58.681" v="12572"/>
          <ac:spMkLst>
            <pc:docMk/>
            <pc:sldMk cId="1279582212" sldId="257"/>
            <ac:spMk id="488" creationId="{CAEDB83F-4D1D-4E00-A2A4-3848B4E36A8A}"/>
          </ac:spMkLst>
        </pc:spChg>
        <pc:spChg chg="add del mod modVis">
          <ac:chgData name="Manuel Lidauer" userId="b55e45dd-c6cc-461d-bef5-835fc172e678" providerId="ADAL" clId="{BCD0C6F6-2D95-4A66-B702-D3858BC1FC00}" dt="2019-09-26T09:33:58.681" v="12574"/>
          <ac:spMkLst>
            <pc:docMk/>
            <pc:sldMk cId="1279582212" sldId="257"/>
            <ac:spMk id="489" creationId="{816C76A5-EF34-4B22-AF57-4666F000E095}"/>
          </ac:spMkLst>
        </pc:spChg>
        <pc:spChg chg="add del mod modVis">
          <ac:chgData name="Manuel Lidauer" userId="b55e45dd-c6cc-461d-bef5-835fc172e678" providerId="ADAL" clId="{BCD0C6F6-2D95-4A66-B702-D3858BC1FC00}" dt="2019-09-26T09:33:58.682" v="12576"/>
          <ac:spMkLst>
            <pc:docMk/>
            <pc:sldMk cId="1279582212" sldId="257"/>
            <ac:spMk id="490" creationId="{4E8EBB9E-BE04-4D6C-B9FA-E24A00EC6C0B}"/>
          </ac:spMkLst>
        </pc:spChg>
        <pc:spChg chg="add del mod modVis">
          <ac:chgData name="Manuel Lidauer" userId="b55e45dd-c6cc-461d-bef5-835fc172e678" providerId="ADAL" clId="{BCD0C6F6-2D95-4A66-B702-D3858BC1FC00}" dt="2019-09-26T09:33:58.683" v="12578"/>
          <ac:spMkLst>
            <pc:docMk/>
            <pc:sldMk cId="1279582212" sldId="257"/>
            <ac:spMk id="491" creationId="{BD5E70CE-2453-4E2C-A48A-0193681B1709}"/>
          </ac:spMkLst>
        </pc:spChg>
        <pc:spChg chg="add del mod modVis">
          <ac:chgData name="Manuel Lidauer" userId="b55e45dd-c6cc-461d-bef5-835fc172e678" providerId="ADAL" clId="{BCD0C6F6-2D95-4A66-B702-D3858BC1FC00}" dt="2019-09-26T09:33:58.684" v="12580"/>
          <ac:spMkLst>
            <pc:docMk/>
            <pc:sldMk cId="1279582212" sldId="257"/>
            <ac:spMk id="492" creationId="{D5E90BCD-6099-484C-9457-9E73EA46207E}"/>
          </ac:spMkLst>
        </pc:spChg>
        <pc:spChg chg="add del mod modVis">
          <ac:chgData name="Manuel Lidauer" userId="b55e45dd-c6cc-461d-bef5-835fc172e678" providerId="ADAL" clId="{BCD0C6F6-2D95-4A66-B702-D3858BC1FC00}" dt="2019-09-26T09:33:58.686" v="12582"/>
          <ac:spMkLst>
            <pc:docMk/>
            <pc:sldMk cId="1279582212" sldId="257"/>
            <ac:spMk id="493" creationId="{5D16300F-E2BF-4661-A2AB-01AC38ED8A12}"/>
          </ac:spMkLst>
        </pc:spChg>
        <pc:spChg chg="add del mod modVis">
          <ac:chgData name="Manuel Lidauer" userId="b55e45dd-c6cc-461d-bef5-835fc172e678" providerId="ADAL" clId="{BCD0C6F6-2D95-4A66-B702-D3858BC1FC00}" dt="2019-09-26T09:33:58.686" v="12584"/>
          <ac:spMkLst>
            <pc:docMk/>
            <pc:sldMk cId="1279582212" sldId="257"/>
            <ac:spMk id="494" creationId="{2761D501-442F-4FFB-8D85-4D45C29F4C46}"/>
          </ac:spMkLst>
        </pc:spChg>
        <pc:spChg chg="add del mod modVis">
          <ac:chgData name="Manuel Lidauer" userId="b55e45dd-c6cc-461d-bef5-835fc172e678" providerId="ADAL" clId="{BCD0C6F6-2D95-4A66-B702-D3858BC1FC00}" dt="2019-09-26T09:33:58.687" v="12586"/>
          <ac:spMkLst>
            <pc:docMk/>
            <pc:sldMk cId="1279582212" sldId="257"/>
            <ac:spMk id="495" creationId="{DB522701-CDA9-42F8-B1B4-00D379BCEBEC}"/>
          </ac:spMkLst>
        </pc:spChg>
        <pc:spChg chg="add del mod modVis">
          <ac:chgData name="Manuel Lidauer" userId="b55e45dd-c6cc-461d-bef5-835fc172e678" providerId="ADAL" clId="{BCD0C6F6-2D95-4A66-B702-D3858BC1FC00}" dt="2019-09-26T09:33:58.687" v="12587"/>
          <ac:spMkLst>
            <pc:docMk/>
            <pc:sldMk cId="1279582212" sldId="257"/>
            <ac:spMk id="496" creationId="{C96D8FA2-3944-48EE-90B7-7B00EE35869A}"/>
          </ac:spMkLst>
        </pc:spChg>
        <pc:spChg chg="add del mod modVis">
          <ac:chgData name="Manuel Lidauer" userId="b55e45dd-c6cc-461d-bef5-835fc172e678" providerId="ADAL" clId="{BCD0C6F6-2D95-4A66-B702-D3858BC1FC00}" dt="2019-09-26T09:33:58.688" v="12589"/>
          <ac:spMkLst>
            <pc:docMk/>
            <pc:sldMk cId="1279582212" sldId="257"/>
            <ac:spMk id="497" creationId="{04395649-5CF9-4A00-A2C9-AD9ABE03FFE0}"/>
          </ac:spMkLst>
        </pc:spChg>
        <pc:spChg chg="add del mod modVis">
          <ac:chgData name="Manuel Lidauer" userId="b55e45dd-c6cc-461d-bef5-835fc172e678" providerId="ADAL" clId="{BCD0C6F6-2D95-4A66-B702-D3858BC1FC00}" dt="2019-09-26T09:33:58.688" v="12591"/>
          <ac:spMkLst>
            <pc:docMk/>
            <pc:sldMk cId="1279582212" sldId="257"/>
            <ac:spMk id="498" creationId="{16B76C01-AFDA-4392-A392-9A12E81B58A5}"/>
          </ac:spMkLst>
        </pc:spChg>
        <pc:spChg chg="add del mod modVis">
          <ac:chgData name="Manuel Lidauer" userId="b55e45dd-c6cc-461d-bef5-835fc172e678" providerId="ADAL" clId="{BCD0C6F6-2D95-4A66-B702-D3858BC1FC00}" dt="2019-09-26T09:33:58.689" v="12593"/>
          <ac:spMkLst>
            <pc:docMk/>
            <pc:sldMk cId="1279582212" sldId="257"/>
            <ac:spMk id="499" creationId="{02B2763B-B3D5-4459-AD20-C8E889059D7C}"/>
          </ac:spMkLst>
        </pc:spChg>
        <pc:spChg chg="add del mod modVis">
          <ac:chgData name="Manuel Lidauer" userId="b55e45dd-c6cc-461d-bef5-835fc172e678" providerId="ADAL" clId="{BCD0C6F6-2D95-4A66-B702-D3858BC1FC00}" dt="2019-09-26T09:33:58.690" v="12595"/>
          <ac:spMkLst>
            <pc:docMk/>
            <pc:sldMk cId="1279582212" sldId="257"/>
            <ac:spMk id="500" creationId="{FA30C4E5-B521-445D-A12E-91FF7F19EAE0}"/>
          </ac:spMkLst>
        </pc:spChg>
        <pc:spChg chg="add del mod modVis">
          <ac:chgData name="Manuel Lidauer" userId="b55e45dd-c6cc-461d-bef5-835fc172e678" providerId="ADAL" clId="{BCD0C6F6-2D95-4A66-B702-D3858BC1FC00}" dt="2019-09-26T09:33:58.690" v="12597"/>
          <ac:spMkLst>
            <pc:docMk/>
            <pc:sldMk cId="1279582212" sldId="257"/>
            <ac:spMk id="501" creationId="{266D717E-47F9-45A8-B7D4-77669F46B1CD}"/>
          </ac:spMkLst>
        </pc:spChg>
        <pc:spChg chg="add del mod modVis">
          <ac:chgData name="Manuel Lidauer" userId="b55e45dd-c6cc-461d-bef5-835fc172e678" providerId="ADAL" clId="{BCD0C6F6-2D95-4A66-B702-D3858BC1FC00}" dt="2019-09-26T09:33:58.691" v="12599"/>
          <ac:spMkLst>
            <pc:docMk/>
            <pc:sldMk cId="1279582212" sldId="257"/>
            <ac:spMk id="502" creationId="{A454FBC5-F9EE-43BC-B05C-AB9E87E1F8F1}"/>
          </ac:spMkLst>
        </pc:spChg>
        <pc:spChg chg="add del mod modVis">
          <ac:chgData name="Manuel Lidauer" userId="b55e45dd-c6cc-461d-bef5-835fc172e678" providerId="ADAL" clId="{BCD0C6F6-2D95-4A66-B702-D3858BC1FC00}" dt="2019-09-26T09:33:58.692" v="12601"/>
          <ac:spMkLst>
            <pc:docMk/>
            <pc:sldMk cId="1279582212" sldId="257"/>
            <ac:spMk id="503" creationId="{F20C20C2-B85D-4F47-8689-B35F36E3DA09}"/>
          </ac:spMkLst>
        </pc:spChg>
        <pc:spChg chg="add del mod modVis">
          <ac:chgData name="Manuel Lidauer" userId="b55e45dd-c6cc-461d-bef5-835fc172e678" providerId="ADAL" clId="{BCD0C6F6-2D95-4A66-B702-D3858BC1FC00}" dt="2019-09-26T09:33:58.692" v="12602"/>
          <ac:spMkLst>
            <pc:docMk/>
            <pc:sldMk cId="1279582212" sldId="257"/>
            <ac:spMk id="504" creationId="{340E5531-E902-42DC-992A-89AD33AC20A5}"/>
          </ac:spMkLst>
        </pc:spChg>
        <pc:spChg chg="add del mod modVis">
          <ac:chgData name="Manuel Lidauer" userId="b55e45dd-c6cc-461d-bef5-835fc172e678" providerId="ADAL" clId="{BCD0C6F6-2D95-4A66-B702-D3858BC1FC00}" dt="2019-09-26T09:33:58.693" v="12604"/>
          <ac:spMkLst>
            <pc:docMk/>
            <pc:sldMk cId="1279582212" sldId="257"/>
            <ac:spMk id="505" creationId="{AB7382CD-6E03-4FA3-88A7-EDA69B17144D}"/>
          </ac:spMkLst>
        </pc:spChg>
        <pc:spChg chg="add del mod modVis">
          <ac:chgData name="Manuel Lidauer" userId="b55e45dd-c6cc-461d-bef5-835fc172e678" providerId="ADAL" clId="{BCD0C6F6-2D95-4A66-B702-D3858BC1FC00}" dt="2019-09-26T09:33:58.693" v="12606"/>
          <ac:spMkLst>
            <pc:docMk/>
            <pc:sldMk cId="1279582212" sldId="257"/>
            <ac:spMk id="506" creationId="{9A771DCA-62B4-477D-8B50-E33431E3A9AA}"/>
          </ac:spMkLst>
        </pc:spChg>
        <pc:spChg chg="add del mod modVis">
          <ac:chgData name="Manuel Lidauer" userId="b55e45dd-c6cc-461d-bef5-835fc172e678" providerId="ADAL" clId="{BCD0C6F6-2D95-4A66-B702-D3858BC1FC00}" dt="2019-09-26T09:33:58.694" v="12608"/>
          <ac:spMkLst>
            <pc:docMk/>
            <pc:sldMk cId="1279582212" sldId="257"/>
            <ac:spMk id="507" creationId="{E97140EA-8E4A-4EA3-B08F-A1DC24C1B4E0}"/>
          </ac:spMkLst>
        </pc:spChg>
        <pc:spChg chg="add del mod modVis">
          <ac:chgData name="Manuel Lidauer" userId="b55e45dd-c6cc-461d-bef5-835fc172e678" providerId="ADAL" clId="{BCD0C6F6-2D95-4A66-B702-D3858BC1FC00}" dt="2019-09-26T09:33:58.695" v="12610"/>
          <ac:spMkLst>
            <pc:docMk/>
            <pc:sldMk cId="1279582212" sldId="257"/>
            <ac:spMk id="508" creationId="{991E2C50-E4F6-4BF8-832D-AAEF6CC718ED}"/>
          </ac:spMkLst>
        </pc:spChg>
        <pc:spChg chg="add del mod modVis">
          <ac:chgData name="Manuel Lidauer" userId="b55e45dd-c6cc-461d-bef5-835fc172e678" providerId="ADAL" clId="{BCD0C6F6-2D95-4A66-B702-D3858BC1FC00}" dt="2019-09-26T09:33:58.695" v="12612"/>
          <ac:spMkLst>
            <pc:docMk/>
            <pc:sldMk cId="1279582212" sldId="257"/>
            <ac:spMk id="509" creationId="{254F3C02-86DC-4BE7-AE9B-9DBA410AD99F}"/>
          </ac:spMkLst>
        </pc:spChg>
        <pc:spChg chg="add del mod modVis">
          <ac:chgData name="Manuel Lidauer" userId="b55e45dd-c6cc-461d-bef5-835fc172e678" providerId="ADAL" clId="{BCD0C6F6-2D95-4A66-B702-D3858BC1FC00}" dt="2019-09-26T09:33:58.696" v="12614"/>
          <ac:spMkLst>
            <pc:docMk/>
            <pc:sldMk cId="1279582212" sldId="257"/>
            <ac:spMk id="510" creationId="{4E6796DC-AA61-4F21-8EE5-F48EF837AEB3}"/>
          </ac:spMkLst>
        </pc:spChg>
        <pc:spChg chg="add del mod modVis">
          <ac:chgData name="Manuel Lidauer" userId="b55e45dd-c6cc-461d-bef5-835fc172e678" providerId="ADAL" clId="{BCD0C6F6-2D95-4A66-B702-D3858BC1FC00}" dt="2019-09-26T09:33:58.697" v="12616"/>
          <ac:spMkLst>
            <pc:docMk/>
            <pc:sldMk cId="1279582212" sldId="257"/>
            <ac:spMk id="511" creationId="{AFE2483D-5A85-47BA-8F76-B605172288D8}"/>
          </ac:spMkLst>
        </pc:spChg>
        <pc:spChg chg="add del mod modVis">
          <ac:chgData name="Manuel Lidauer" userId="b55e45dd-c6cc-461d-bef5-835fc172e678" providerId="ADAL" clId="{BCD0C6F6-2D95-4A66-B702-D3858BC1FC00}" dt="2019-09-26T09:33:58.697" v="12617"/>
          <ac:spMkLst>
            <pc:docMk/>
            <pc:sldMk cId="1279582212" sldId="257"/>
            <ac:spMk id="512" creationId="{C0A959F7-415E-4843-9CD5-AD827EB8F9C7}"/>
          </ac:spMkLst>
        </pc:spChg>
        <pc:spChg chg="add del mod modVis">
          <ac:chgData name="Manuel Lidauer" userId="b55e45dd-c6cc-461d-bef5-835fc172e678" providerId="ADAL" clId="{BCD0C6F6-2D95-4A66-B702-D3858BC1FC00}" dt="2019-09-26T09:33:58.698" v="12619"/>
          <ac:spMkLst>
            <pc:docMk/>
            <pc:sldMk cId="1279582212" sldId="257"/>
            <ac:spMk id="513" creationId="{AEEA0BA7-73F8-4240-BD5A-2D37C1C1B1A3}"/>
          </ac:spMkLst>
        </pc:spChg>
        <pc:spChg chg="add del mod modVis">
          <ac:chgData name="Manuel Lidauer" userId="b55e45dd-c6cc-461d-bef5-835fc172e678" providerId="ADAL" clId="{BCD0C6F6-2D95-4A66-B702-D3858BC1FC00}" dt="2019-09-26T09:33:58.698" v="12621"/>
          <ac:spMkLst>
            <pc:docMk/>
            <pc:sldMk cId="1279582212" sldId="257"/>
            <ac:spMk id="514" creationId="{0252D53F-8A2D-4776-8627-3D46FCCA1DE1}"/>
          </ac:spMkLst>
        </pc:spChg>
        <pc:spChg chg="add del mod modVis">
          <ac:chgData name="Manuel Lidauer" userId="b55e45dd-c6cc-461d-bef5-835fc172e678" providerId="ADAL" clId="{BCD0C6F6-2D95-4A66-B702-D3858BC1FC00}" dt="2019-09-26T09:33:58.699" v="12623"/>
          <ac:spMkLst>
            <pc:docMk/>
            <pc:sldMk cId="1279582212" sldId="257"/>
            <ac:spMk id="515" creationId="{E2A27B69-BC0F-4EA2-966C-FDBF92F34376}"/>
          </ac:spMkLst>
        </pc:spChg>
        <pc:spChg chg="add del mod modVis">
          <ac:chgData name="Manuel Lidauer" userId="b55e45dd-c6cc-461d-bef5-835fc172e678" providerId="ADAL" clId="{BCD0C6F6-2D95-4A66-B702-D3858BC1FC00}" dt="2019-09-26T09:33:58.701" v="12625"/>
          <ac:spMkLst>
            <pc:docMk/>
            <pc:sldMk cId="1279582212" sldId="257"/>
            <ac:spMk id="516" creationId="{D25E18BA-3106-4EF3-BF88-6ADEB21E8942}"/>
          </ac:spMkLst>
        </pc:spChg>
        <pc:spChg chg="add del mod modVis">
          <ac:chgData name="Manuel Lidauer" userId="b55e45dd-c6cc-461d-bef5-835fc172e678" providerId="ADAL" clId="{BCD0C6F6-2D95-4A66-B702-D3858BC1FC00}" dt="2019-09-26T09:33:58.702" v="12627"/>
          <ac:spMkLst>
            <pc:docMk/>
            <pc:sldMk cId="1279582212" sldId="257"/>
            <ac:spMk id="517" creationId="{C297AB74-C35F-4A58-AC84-A81BE995FFB7}"/>
          </ac:spMkLst>
        </pc:spChg>
        <pc:spChg chg="add del mod modVis">
          <ac:chgData name="Manuel Lidauer" userId="b55e45dd-c6cc-461d-bef5-835fc172e678" providerId="ADAL" clId="{BCD0C6F6-2D95-4A66-B702-D3858BC1FC00}" dt="2019-09-26T09:33:58.703" v="12629"/>
          <ac:spMkLst>
            <pc:docMk/>
            <pc:sldMk cId="1279582212" sldId="257"/>
            <ac:spMk id="518" creationId="{FDDB0374-783B-4FF8-BFB7-C9C6BE618223}"/>
          </ac:spMkLst>
        </pc:spChg>
        <pc:spChg chg="add del mod modVis">
          <ac:chgData name="Manuel Lidauer" userId="b55e45dd-c6cc-461d-bef5-835fc172e678" providerId="ADAL" clId="{BCD0C6F6-2D95-4A66-B702-D3858BC1FC00}" dt="2019-09-26T09:33:58.704" v="12631"/>
          <ac:spMkLst>
            <pc:docMk/>
            <pc:sldMk cId="1279582212" sldId="257"/>
            <ac:spMk id="519" creationId="{97B9C3B9-D241-45D1-812A-83A0635BDFCB}"/>
          </ac:spMkLst>
        </pc:spChg>
        <pc:spChg chg="add del mod modVis">
          <ac:chgData name="Manuel Lidauer" userId="b55e45dd-c6cc-461d-bef5-835fc172e678" providerId="ADAL" clId="{BCD0C6F6-2D95-4A66-B702-D3858BC1FC00}" dt="2019-09-26T09:33:58.704" v="12632"/>
          <ac:spMkLst>
            <pc:docMk/>
            <pc:sldMk cId="1279582212" sldId="257"/>
            <ac:spMk id="520" creationId="{347D02DE-C97E-4643-8A6F-5F331765B1C2}"/>
          </ac:spMkLst>
        </pc:spChg>
        <pc:spChg chg="add del mod modVis">
          <ac:chgData name="Manuel Lidauer" userId="b55e45dd-c6cc-461d-bef5-835fc172e678" providerId="ADAL" clId="{BCD0C6F6-2D95-4A66-B702-D3858BC1FC00}" dt="2019-09-26T09:33:58.706" v="12634"/>
          <ac:spMkLst>
            <pc:docMk/>
            <pc:sldMk cId="1279582212" sldId="257"/>
            <ac:spMk id="521" creationId="{09C90C28-4318-4EDA-860E-123647103DED}"/>
          </ac:spMkLst>
        </pc:spChg>
        <pc:spChg chg="add del mod modVis">
          <ac:chgData name="Manuel Lidauer" userId="b55e45dd-c6cc-461d-bef5-835fc172e678" providerId="ADAL" clId="{BCD0C6F6-2D95-4A66-B702-D3858BC1FC00}" dt="2019-09-26T09:33:58.706" v="12636"/>
          <ac:spMkLst>
            <pc:docMk/>
            <pc:sldMk cId="1279582212" sldId="257"/>
            <ac:spMk id="522" creationId="{38527D35-BD70-4B50-9859-0CB943AF7F81}"/>
          </ac:spMkLst>
        </pc:spChg>
        <pc:spChg chg="add del mod modVis">
          <ac:chgData name="Manuel Lidauer" userId="b55e45dd-c6cc-461d-bef5-835fc172e678" providerId="ADAL" clId="{BCD0C6F6-2D95-4A66-B702-D3858BC1FC00}" dt="2019-09-26T09:33:58.707" v="12638"/>
          <ac:spMkLst>
            <pc:docMk/>
            <pc:sldMk cId="1279582212" sldId="257"/>
            <ac:spMk id="523" creationId="{4FA686E4-9244-4F6E-9850-2B7DBCBDD171}"/>
          </ac:spMkLst>
        </pc:spChg>
        <pc:spChg chg="add del mod modVis">
          <ac:chgData name="Manuel Lidauer" userId="b55e45dd-c6cc-461d-bef5-835fc172e678" providerId="ADAL" clId="{BCD0C6F6-2D95-4A66-B702-D3858BC1FC00}" dt="2019-09-26T09:33:58.707" v="12640"/>
          <ac:spMkLst>
            <pc:docMk/>
            <pc:sldMk cId="1279582212" sldId="257"/>
            <ac:spMk id="524" creationId="{300720CF-6202-46CC-9024-59FD67BEC512}"/>
          </ac:spMkLst>
        </pc:spChg>
        <pc:spChg chg="add del mod modVis">
          <ac:chgData name="Manuel Lidauer" userId="b55e45dd-c6cc-461d-bef5-835fc172e678" providerId="ADAL" clId="{BCD0C6F6-2D95-4A66-B702-D3858BC1FC00}" dt="2019-09-26T09:33:58.708" v="12642"/>
          <ac:spMkLst>
            <pc:docMk/>
            <pc:sldMk cId="1279582212" sldId="257"/>
            <ac:spMk id="525" creationId="{11F25798-4C5B-47A5-A915-3DE7E07D0DEE}"/>
          </ac:spMkLst>
        </pc:spChg>
        <pc:spChg chg="add del mod modVis">
          <ac:chgData name="Manuel Lidauer" userId="b55e45dd-c6cc-461d-bef5-835fc172e678" providerId="ADAL" clId="{BCD0C6F6-2D95-4A66-B702-D3858BC1FC00}" dt="2019-09-26T09:33:58.709" v="12644"/>
          <ac:spMkLst>
            <pc:docMk/>
            <pc:sldMk cId="1279582212" sldId="257"/>
            <ac:spMk id="526" creationId="{DD22EF29-CAF8-4ED0-8190-8E7A337BB937}"/>
          </ac:spMkLst>
        </pc:spChg>
        <pc:spChg chg="add del mod modVis">
          <ac:chgData name="Manuel Lidauer" userId="b55e45dd-c6cc-461d-bef5-835fc172e678" providerId="ADAL" clId="{BCD0C6F6-2D95-4A66-B702-D3858BC1FC00}" dt="2019-09-26T09:33:58.709" v="12646"/>
          <ac:spMkLst>
            <pc:docMk/>
            <pc:sldMk cId="1279582212" sldId="257"/>
            <ac:spMk id="527" creationId="{8563B7C7-C231-4531-9418-9F710C889835}"/>
          </ac:spMkLst>
        </pc:spChg>
        <pc:spChg chg="add del mod modVis">
          <ac:chgData name="Manuel Lidauer" userId="b55e45dd-c6cc-461d-bef5-835fc172e678" providerId="ADAL" clId="{BCD0C6F6-2D95-4A66-B702-D3858BC1FC00}" dt="2019-09-26T09:33:58.710" v="12647"/>
          <ac:spMkLst>
            <pc:docMk/>
            <pc:sldMk cId="1279582212" sldId="257"/>
            <ac:spMk id="528" creationId="{2CEA3D76-3533-4565-877C-E63DC603A4C0}"/>
          </ac:spMkLst>
        </pc:spChg>
        <pc:spChg chg="add del mod modVis">
          <ac:chgData name="Manuel Lidauer" userId="b55e45dd-c6cc-461d-bef5-835fc172e678" providerId="ADAL" clId="{BCD0C6F6-2D95-4A66-B702-D3858BC1FC00}" dt="2019-09-26T09:33:58.710" v="12649"/>
          <ac:spMkLst>
            <pc:docMk/>
            <pc:sldMk cId="1279582212" sldId="257"/>
            <ac:spMk id="529" creationId="{3F2FC957-03B4-41F8-8AAE-C7FEA3E70AA1}"/>
          </ac:spMkLst>
        </pc:spChg>
        <pc:spChg chg="add del mod modVis">
          <ac:chgData name="Manuel Lidauer" userId="b55e45dd-c6cc-461d-bef5-835fc172e678" providerId="ADAL" clId="{BCD0C6F6-2D95-4A66-B702-D3858BC1FC00}" dt="2019-09-26T09:33:58.711" v="12651"/>
          <ac:spMkLst>
            <pc:docMk/>
            <pc:sldMk cId="1279582212" sldId="257"/>
            <ac:spMk id="530" creationId="{8504F26E-7F30-4C28-9B21-B67C87805AAC}"/>
          </ac:spMkLst>
        </pc:spChg>
        <pc:spChg chg="add del mod modVis">
          <ac:chgData name="Manuel Lidauer" userId="b55e45dd-c6cc-461d-bef5-835fc172e678" providerId="ADAL" clId="{BCD0C6F6-2D95-4A66-B702-D3858BC1FC00}" dt="2019-09-26T09:33:58.712" v="12653"/>
          <ac:spMkLst>
            <pc:docMk/>
            <pc:sldMk cId="1279582212" sldId="257"/>
            <ac:spMk id="531" creationId="{C1589201-8BBE-4E44-99D4-0A4DC3CFFC76}"/>
          </ac:spMkLst>
        </pc:spChg>
        <pc:spChg chg="add del mod modVis">
          <ac:chgData name="Manuel Lidauer" userId="b55e45dd-c6cc-461d-bef5-835fc172e678" providerId="ADAL" clId="{BCD0C6F6-2D95-4A66-B702-D3858BC1FC00}" dt="2019-09-26T09:33:58.712" v="12655"/>
          <ac:spMkLst>
            <pc:docMk/>
            <pc:sldMk cId="1279582212" sldId="257"/>
            <ac:spMk id="532" creationId="{A2FAA69E-8BA8-4D42-B663-1A2D9D0476D0}"/>
          </ac:spMkLst>
        </pc:spChg>
        <pc:spChg chg="add del mod modVis">
          <ac:chgData name="Manuel Lidauer" userId="b55e45dd-c6cc-461d-bef5-835fc172e678" providerId="ADAL" clId="{BCD0C6F6-2D95-4A66-B702-D3858BC1FC00}" dt="2019-09-26T09:33:58.713" v="12657"/>
          <ac:spMkLst>
            <pc:docMk/>
            <pc:sldMk cId="1279582212" sldId="257"/>
            <ac:spMk id="533" creationId="{6077D2E9-6033-400F-8C91-62EFB2A30C49}"/>
          </ac:spMkLst>
        </pc:spChg>
        <pc:spChg chg="add del mod modVis">
          <ac:chgData name="Manuel Lidauer" userId="b55e45dd-c6cc-461d-bef5-835fc172e678" providerId="ADAL" clId="{BCD0C6F6-2D95-4A66-B702-D3858BC1FC00}" dt="2019-09-26T09:33:58.714" v="12659"/>
          <ac:spMkLst>
            <pc:docMk/>
            <pc:sldMk cId="1279582212" sldId="257"/>
            <ac:spMk id="534" creationId="{05E63104-255D-43A5-967C-643D2C3030B6}"/>
          </ac:spMkLst>
        </pc:spChg>
        <pc:spChg chg="add del mod modVis">
          <ac:chgData name="Manuel Lidauer" userId="b55e45dd-c6cc-461d-bef5-835fc172e678" providerId="ADAL" clId="{BCD0C6F6-2D95-4A66-B702-D3858BC1FC00}" dt="2019-09-26T09:33:58.714" v="12661"/>
          <ac:spMkLst>
            <pc:docMk/>
            <pc:sldMk cId="1279582212" sldId="257"/>
            <ac:spMk id="535" creationId="{8D704F52-E38E-4B9B-9F9A-D6A1247971DD}"/>
          </ac:spMkLst>
        </pc:spChg>
        <pc:spChg chg="add del mod modVis">
          <ac:chgData name="Manuel Lidauer" userId="b55e45dd-c6cc-461d-bef5-835fc172e678" providerId="ADAL" clId="{BCD0C6F6-2D95-4A66-B702-D3858BC1FC00}" dt="2019-09-26T09:33:58.715" v="12662"/>
          <ac:spMkLst>
            <pc:docMk/>
            <pc:sldMk cId="1279582212" sldId="257"/>
            <ac:spMk id="536" creationId="{F6FD2AE7-E340-4A1D-99C4-7ADBABE42AC4}"/>
          </ac:spMkLst>
        </pc:spChg>
        <pc:spChg chg="add del mod modVis">
          <ac:chgData name="Manuel Lidauer" userId="b55e45dd-c6cc-461d-bef5-835fc172e678" providerId="ADAL" clId="{BCD0C6F6-2D95-4A66-B702-D3858BC1FC00}" dt="2019-09-26T09:33:58.715" v="12664"/>
          <ac:spMkLst>
            <pc:docMk/>
            <pc:sldMk cId="1279582212" sldId="257"/>
            <ac:spMk id="537" creationId="{C7222D85-49CE-4392-A341-ECCB9E1F8A78}"/>
          </ac:spMkLst>
        </pc:spChg>
        <pc:spChg chg="add del mod modVis">
          <ac:chgData name="Manuel Lidauer" userId="b55e45dd-c6cc-461d-bef5-835fc172e678" providerId="ADAL" clId="{BCD0C6F6-2D95-4A66-B702-D3858BC1FC00}" dt="2019-09-26T09:33:58.716" v="12666"/>
          <ac:spMkLst>
            <pc:docMk/>
            <pc:sldMk cId="1279582212" sldId="257"/>
            <ac:spMk id="538" creationId="{87D31EAD-AF64-4746-87C3-D136E6601EBD}"/>
          </ac:spMkLst>
        </pc:spChg>
        <pc:spChg chg="add del mod modVis">
          <ac:chgData name="Manuel Lidauer" userId="b55e45dd-c6cc-461d-bef5-835fc172e678" providerId="ADAL" clId="{BCD0C6F6-2D95-4A66-B702-D3858BC1FC00}" dt="2019-09-26T09:33:58.718" v="12668"/>
          <ac:spMkLst>
            <pc:docMk/>
            <pc:sldMk cId="1279582212" sldId="257"/>
            <ac:spMk id="539" creationId="{3460CC55-B488-4B59-A7EB-C666CCDBFA25}"/>
          </ac:spMkLst>
        </pc:spChg>
        <pc:spChg chg="add del mod modVis">
          <ac:chgData name="Manuel Lidauer" userId="b55e45dd-c6cc-461d-bef5-835fc172e678" providerId="ADAL" clId="{BCD0C6F6-2D95-4A66-B702-D3858BC1FC00}" dt="2019-09-26T09:33:58.718" v="12670"/>
          <ac:spMkLst>
            <pc:docMk/>
            <pc:sldMk cId="1279582212" sldId="257"/>
            <ac:spMk id="540" creationId="{ABAABC6B-3D4A-4239-8988-FA6D3457B78C}"/>
          </ac:spMkLst>
        </pc:spChg>
        <pc:spChg chg="add del mod modVis">
          <ac:chgData name="Manuel Lidauer" userId="b55e45dd-c6cc-461d-bef5-835fc172e678" providerId="ADAL" clId="{BCD0C6F6-2D95-4A66-B702-D3858BC1FC00}" dt="2019-09-26T09:33:58.719" v="12672"/>
          <ac:spMkLst>
            <pc:docMk/>
            <pc:sldMk cId="1279582212" sldId="257"/>
            <ac:spMk id="541" creationId="{F016E0C5-2BE6-4CB3-B68B-3272F0CD8D6B}"/>
          </ac:spMkLst>
        </pc:spChg>
        <pc:spChg chg="add del mod modVis">
          <ac:chgData name="Manuel Lidauer" userId="b55e45dd-c6cc-461d-bef5-835fc172e678" providerId="ADAL" clId="{BCD0C6F6-2D95-4A66-B702-D3858BC1FC00}" dt="2019-09-26T09:33:58.720" v="12674"/>
          <ac:spMkLst>
            <pc:docMk/>
            <pc:sldMk cId="1279582212" sldId="257"/>
            <ac:spMk id="542" creationId="{7B5574CE-D85E-4DEB-A78B-FF3FE44571EC}"/>
          </ac:spMkLst>
        </pc:spChg>
        <pc:spChg chg="add del mod modVis">
          <ac:chgData name="Manuel Lidauer" userId="b55e45dd-c6cc-461d-bef5-835fc172e678" providerId="ADAL" clId="{BCD0C6F6-2D95-4A66-B702-D3858BC1FC00}" dt="2019-09-26T09:33:58.720" v="12676"/>
          <ac:spMkLst>
            <pc:docMk/>
            <pc:sldMk cId="1279582212" sldId="257"/>
            <ac:spMk id="543" creationId="{3A690987-CA4A-4DDE-8617-E287D08B90D9}"/>
          </ac:spMkLst>
        </pc:spChg>
        <pc:spChg chg="add del mod modVis">
          <ac:chgData name="Manuel Lidauer" userId="b55e45dd-c6cc-461d-bef5-835fc172e678" providerId="ADAL" clId="{BCD0C6F6-2D95-4A66-B702-D3858BC1FC00}" dt="2019-09-26T09:33:58.721" v="12677"/>
          <ac:spMkLst>
            <pc:docMk/>
            <pc:sldMk cId="1279582212" sldId="257"/>
            <ac:spMk id="544" creationId="{46C3C328-BEE6-4D08-9755-772C5F854436}"/>
          </ac:spMkLst>
        </pc:spChg>
        <pc:spChg chg="add del mod modVis">
          <ac:chgData name="Manuel Lidauer" userId="b55e45dd-c6cc-461d-bef5-835fc172e678" providerId="ADAL" clId="{BCD0C6F6-2D95-4A66-B702-D3858BC1FC00}" dt="2019-09-26T09:33:58.721" v="12679"/>
          <ac:spMkLst>
            <pc:docMk/>
            <pc:sldMk cId="1279582212" sldId="257"/>
            <ac:spMk id="545" creationId="{191295C5-5B16-4CBF-9CD1-3A41DBBEACF5}"/>
          </ac:spMkLst>
        </pc:spChg>
        <pc:spChg chg="add del mod modVis">
          <ac:chgData name="Manuel Lidauer" userId="b55e45dd-c6cc-461d-bef5-835fc172e678" providerId="ADAL" clId="{BCD0C6F6-2D95-4A66-B702-D3858BC1FC00}" dt="2019-09-26T09:33:58.722" v="12681"/>
          <ac:spMkLst>
            <pc:docMk/>
            <pc:sldMk cId="1279582212" sldId="257"/>
            <ac:spMk id="546" creationId="{952E35E2-F31E-48FD-A45E-6C45570D77B0}"/>
          </ac:spMkLst>
        </pc:spChg>
        <pc:spChg chg="add del mod modVis">
          <ac:chgData name="Manuel Lidauer" userId="b55e45dd-c6cc-461d-bef5-835fc172e678" providerId="ADAL" clId="{BCD0C6F6-2D95-4A66-B702-D3858BC1FC00}" dt="2019-09-26T09:33:58.723" v="12683"/>
          <ac:spMkLst>
            <pc:docMk/>
            <pc:sldMk cId="1279582212" sldId="257"/>
            <ac:spMk id="547" creationId="{5FC79662-B098-47F6-BDEF-0971319AB25E}"/>
          </ac:spMkLst>
        </pc:spChg>
        <pc:spChg chg="add del mod modVis">
          <ac:chgData name="Manuel Lidauer" userId="b55e45dd-c6cc-461d-bef5-835fc172e678" providerId="ADAL" clId="{BCD0C6F6-2D95-4A66-B702-D3858BC1FC00}" dt="2019-09-26T09:33:58.723" v="12685"/>
          <ac:spMkLst>
            <pc:docMk/>
            <pc:sldMk cId="1279582212" sldId="257"/>
            <ac:spMk id="548" creationId="{45C5B764-F56A-4D42-B91C-9832C94F7E07}"/>
          </ac:spMkLst>
        </pc:spChg>
        <pc:spChg chg="add del mod modVis">
          <ac:chgData name="Manuel Lidauer" userId="b55e45dd-c6cc-461d-bef5-835fc172e678" providerId="ADAL" clId="{BCD0C6F6-2D95-4A66-B702-D3858BC1FC00}" dt="2019-09-26T09:33:58.724" v="12687"/>
          <ac:spMkLst>
            <pc:docMk/>
            <pc:sldMk cId="1279582212" sldId="257"/>
            <ac:spMk id="549" creationId="{B786D90F-918C-44AF-A926-0F3FA319188D}"/>
          </ac:spMkLst>
        </pc:spChg>
        <pc:spChg chg="add del mod modVis">
          <ac:chgData name="Manuel Lidauer" userId="b55e45dd-c6cc-461d-bef5-835fc172e678" providerId="ADAL" clId="{BCD0C6F6-2D95-4A66-B702-D3858BC1FC00}" dt="2019-09-26T09:33:58.725" v="12689"/>
          <ac:spMkLst>
            <pc:docMk/>
            <pc:sldMk cId="1279582212" sldId="257"/>
            <ac:spMk id="550" creationId="{2F910FEB-87FF-4439-9E3C-2A3FCD549771}"/>
          </ac:spMkLst>
        </pc:spChg>
        <pc:spChg chg="add del mod modVis">
          <ac:chgData name="Manuel Lidauer" userId="b55e45dd-c6cc-461d-bef5-835fc172e678" providerId="ADAL" clId="{BCD0C6F6-2D95-4A66-B702-D3858BC1FC00}" dt="2019-09-26T09:33:58.725" v="12691"/>
          <ac:spMkLst>
            <pc:docMk/>
            <pc:sldMk cId="1279582212" sldId="257"/>
            <ac:spMk id="551" creationId="{58FBFB75-FCAC-435C-A1A0-181D6C0E1249}"/>
          </ac:spMkLst>
        </pc:spChg>
        <pc:spChg chg="add del mod modVis">
          <ac:chgData name="Manuel Lidauer" userId="b55e45dd-c6cc-461d-bef5-835fc172e678" providerId="ADAL" clId="{BCD0C6F6-2D95-4A66-B702-D3858BC1FC00}" dt="2019-09-26T09:33:58.726" v="12692"/>
          <ac:spMkLst>
            <pc:docMk/>
            <pc:sldMk cId="1279582212" sldId="257"/>
            <ac:spMk id="552" creationId="{9BA0C038-4FAB-4CB4-8D96-D876A3879AB3}"/>
          </ac:spMkLst>
        </pc:spChg>
        <pc:spChg chg="add del mod modVis">
          <ac:chgData name="Manuel Lidauer" userId="b55e45dd-c6cc-461d-bef5-835fc172e678" providerId="ADAL" clId="{BCD0C6F6-2D95-4A66-B702-D3858BC1FC00}" dt="2019-09-26T09:33:58.726" v="12694"/>
          <ac:spMkLst>
            <pc:docMk/>
            <pc:sldMk cId="1279582212" sldId="257"/>
            <ac:spMk id="553" creationId="{BEF2E8AB-1BA3-44D5-92A4-3E834B9547B5}"/>
          </ac:spMkLst>
        </pc:spChg>
        <pc:spChg chg="add del mod modVis">
          <ac:chgData name="Manuel Lidauer" userId="b55e45dd-c6cc-461d-bef5-835fc172e678" providerId="ADAL" clId="{BCD0C6F6-2D95-4A66-B702-D3858BC1FC00}" dt="2019-09-26T09:33:58.727" v="12696"/>
          <ac:spMkLst>
            <pc:docMk/>
            <pc:sldMk cId="1279582212" sldId="257"/>
            <ac:spMk id="554" creationId="{287ACA52-9763-4F44-BD92-40380D3E0B51}"/>
          </ac:spMkLst>
        </pc:spChg>
        <pc:spChg chg="add del mod modVis">
          <ac:chgData name="Manuel Lidauer" userId="b55e45dd-c6cc-461d-bef5-835fc172e678" providerId="ADAL" clId="{BCD0C6F6-2D95-4A66-B702-D3858BC1FC00}" dt="2019-09-26T09:33:58.728" v="12698"/>
          <ac:spMkLst>
            <pc:docMk/>
            <pc:sldMk cId="1279582212" sldId="257"/>
            <ac:spMk id="555" creationId="{1A8A41F4-6930-4197-975A-33665785F4BD}"/>
          </ac:spMkLst>
        </pc:spChg>
        <pc:spChg chg="add del mod modVis">
          <ac:chgData name="Manuel Lidauer" userId="b55e45dd-c6cc-461d-bef5-835fc172e678" providerId="ADAL" clId="{BCD0C6F6-2D95-4A66-B702-D3858BC1FC00}" dt="2019-09-26T09:33:58.728" v="12700"/>
          <ac:spMkLst>
            <pc:docMk/>
            <pc:sldMk cId="1279582212" sldId="257"/>
            <ac:spMk id="556" creationId="{AB9E9367-0D25-457E-8827-44932E70C97B}"/>
          </ac:spMkLst>
        </pc:spChg>
        <pc:spChg chg="add del mod modVis">
          <ac:chgData name="Manuel Lidauer" userId="b55e45dd-c6cc-461d-bef5-835fc172e678" providerId="ADAL" clId="{BCD0C6F6-2D95-4A66-B702-D3858BC1FC00}" dt="2019-09-26T09:33:58.729" v="12702"/>
          <ac:spMkLst>
            <pc:docMk/>
            <pc:sldMk cId="1279582212" sldId="257"/>
            <ac:spMk id="557" creationId="{C1764096-A33C-478F-9F17-A41713592238}"/>
          </ac:spMkLst>
        </pc:spChg>
        <pc:spChg chg="add del mod modVis">
          <ac:chgData name="Manuel Lidauer" userId="b55e45dd-c6cc-461d-bef5-835fc172e678" providerId="ADAL" clId="{BCD0C6F6-2D95-4A66-B702-D3858BC1FC00}" dt="2019-09-26T09:33:58.730" v="12704"/>
          <ac:spMkLst>
            <pc:docMk/>
            <pc:sldMk cId="1279582212" sldId="257"/>
            <ac:spMk id="558" creationId="{1B73FC90-231E-4D69-9E57-DBBC3C66F74B}"/>
          </ac:spMkLst>
        </pc:spChg>
        <pc:spChg chg="add del mod modVis">
          <ac:chgData name="Manuel Lidauer" userId="b55e45dd-c6cc-461d-bef5-835fc172e678" providerId="ADAL" clId="{BCD0C6F6-2D95-4A66-B702-D3858BC1FC00}" dt="2019-09-26T09:33:58.730" v="12706"/>
          <ac:spMkLst>
            <pc:docMk/>
            <pc:sldMk cId="1279582212" sldId="257"/>
            <ac:spMk id="559" creationId="{112D7D17-951B-40F3-BB8D-DE7EAD125DBB}"/>
          </ac:spMkLst>
        </pc:spChg>
        <pc:spChg chg="add del mod modVis">
          <ac:chgData name="Manuel Lidauer" userId="b55e45dd-c6cc-461d-bef5-835fc172e678" providerId="ADAL" clId="{BCD0C6F6-2D95-4A66-B702-D3858BC1FC00}" dt="2019-09-26T09:33:58.731" v="12707"/>
          <ac:spMkLst>
            <pc:docMk/>
            <pc:sldMk cId="1279582212" sldId="257"/>
            <ac:spMk id="560" creationId="{6D32CA15-8C0F-408D-A947-4E28BD90E593}"/>
          </ac:spMkLst>
        </pc:spChg>
        <pc:spChg chg="add del mod modVis">
          <ac:chgData name="Manuel Lidauer" userId="b55e45dd-c6cc-461d-bef5-835fc172e678" providerId="ADAL" clId="{BCD0C6F6-2D95-4A66-B702-D3858BC1FC00}" dt="2019-09-26T09:33:58.731" v="12709"/>
          <ac:spMkLst>
            <pc:docMk/>
            <pc:sldMk cId="1279582212" sldId="257"/>
            <ac:spMk id="561" creationId="{E3299E17-70E6-4535-BA2A-727A4DE806EF}"/>
          </ac:spMkLst>
        </pc:spChg>
        <pc:spChg chg="add del mod modVis">
          <ac:chgData name="Manuel Lidauer" userId="b55e45dd-c6cc-461d-bef5-835fc172e678" providerId="ADAL" clId="{BCD0C6F6-2D95-4A66-B702-D3858BC1FC00}" dt="2019-09-26T09:33:58.732" v="12711"/>
          <ac:spMkLst>
            <pc:docMk/>
            <pc:sldMk cId="1279582212" sldId="257"/>
            <ac:spMk id="562" creationId="{8A04D072-4CBE-4D32-8466-26421024F6FC}"/>
          </ac:spMkLst>
        </pc:spChg>
        <pc:spChg chg="add del mod modVis">
          <ac:chgData name="Manuel Lidauer" userId="b55e45dd-c6cc-461d-bef5-835fc172e678" providerId="ADAL" clId="{BCD0C6F6-2D95-4A66-B702-D3858BC1FC00}" dt="2019-09-26T09:33:58.733" v="12713"/>
          <ac:spMkLst>
            <pc:docMk/>
            <pc:sldMk cId="1279582212" sldId="257"/>
            <ac:spMk id="563" creationId="{9C10094B-2BE1-41E2-971B-3E7088925507}"/>
          </ac:spMkLst>
        </pc:spChg>
        <pc:spChg chg="add del mod modVis">
          <ac:chgData name="Manuel Lidauer" userId="b55e45dd-c6cc-461d-bef5-835fc172e678" providerId="ADAL" clId="{BCD0C6F6-2D95-4A66-B702-D3858BC1FC00}" dt="2019-09-26T09:33:58.734" v="12715"/>
          <ac:spMkLst>
            <pc:docMk/>
            <pc:sldMk cId="1279582212" sldId="257"/>
            <ac:spMk id="564" creationId="{52FF33B7-561F-41DC-B25E-7651A61EA786}"/>
          </ac:spMkLst>
        </pc:spChg>
        <pc:spChg chg="add del mod modVis">
          <ac:chgData name="Manuel Lidauer" userId="b55e45dd-c6cc-461d-bef5-835fc172e678" providerId="ADAL" clId="{BCD0C6F6-2D95-4A66-B702-D3858BC1FC00}" dt="2019-09-26T09:33:58.735" v="12717"/>
          <ac:spMkLst>
            <pc:docMk/>
            <pc:sldMk cId="1279582212" sldId="257"/>
            <ac:spMk id="565" creationId="{230B6C5D-7E62-40F7-87A2-9C505366AD00}"/>
          </ac:spMkLst>
        </pc:spChg>
        <pc:spChg chg="add del mod modVis">
          <ac:chgData name="Manuel Lidauer" userId="b55e45dd-c6cc-461d-bef5-835fc172e678" providerId="ADAL" clId="{BCD0C6F6-2D95-4A66-B702-D3858BC1FC00}" dt="2019-09-26T09:33:58.736" v="12719"/>
          <ac:spMkLst>
            <pc:docMk/>
            <pc:sldMk cId="1279582212" sldId="257"/>
            <ac:spMk id="566" creationId="{954218C9-D2E7-44B2-AC12-E8FF2BEE4F39}"/>
          </ac:spMkLst>
        </pc:spChg>
        <pc:spChg chg="add del mod modVis">
          <ac:chgData name="Manuel Lidauer" userId="b55e45dd-c6cc-461d-bef5-835fc172e678" providerId="ADAL" clId="{BCD0C6F6-2D95-4A66-B702-D3858BC1FC00}" dt="2019-09-26T09:33:58.736" v="12721"/>
          <ac:spMkLst>
            <pc:docMk/>
            <pc:sldMk cId="1279582212" sldId="257"/>
            <ac:spMk id="567" creationId="{B0DC242D-981D-4A42-99A1-0EF5435465D0}"/>
          </ac:spMkLst>
        </pc:spChg>
        <pc:spChg chg="add del mod modVis">
          <ac:chgData name="Manuel Lidauer" userId="b55e45dd-c6cc-461d-bef5-835fc172e678" providerId="ADAL" clId="{BCD0C6F6-2D95-4A66-B702-D3858BC1FC00}" dt="2019-09-26T09:33:58.737" v="12722"/>
          <ac:spMkLst>
            <pc:docMk/>
            <pc:sldMk cId="1279582212" sldId="257"/>
            <ac:spMk id="568" creationId="{6F827F64-1BD2-4077-A55D-7C4536592138}"/>
          </ac:spMkLst>
        </pc:spChg>
        <pc:spChg chg="add del mod modVis">
          <ac:chgData name="Manuel Lidauer" userId="b55e45dd-c6cc-461d-bef5-835fc172e678" providerId="ADAL" clId="{BCD0C6F6-2D95-4A66-B702-D3858BC1FC00}" dt="2019-09-26T09:33:58.737" v="12724"/>
          <ac:spMkLst>
            <pc:docMk/>
            <pc:sldMk cId="1279582212" sldId="257"/>
            <ac:spMk id="569" creationId="{7BE02AEB-9150-42B4-9360-8A186D0E8259}"/>
          </ac:spMkLst>
        </pc:spChg>
        <pc:spChg chg="add del mod modVis">
          <ac:chgData name="Manuel Lidauer" userId="b55e45dd-c6cc-461d-bef5-835fc172e678" providerId="ADAL" clId="{BCD0C6F6-2D95-4A66-B702-D3858BC1FC00}" dt="2019-09-26T09:33:58.738" v="12726"/>
          <ac:spMkLst>
            <pc:docMk/>
            <pc:sldMk cId="1279582212" sldId="257"/>
            <ac:spMk id="570" creationId="{84B05313-F732-482A-92CD-880F4CE166C0}"/>
          </ac:spMkLst>
        </pc:spChg>
        <pc:spChg chg="add del mod modVis">
          <ac:chgData name="Manuel Lidauer" userId="b55e45dd-c6cc-461d-bef5-835fc172e678" providerId="ADAL" clId="{BCD0C6F6-2D95-4A66-B702-D3858BC1FC00}" dt="2019-09-26T09:33:58.739" v="12728"/>
          <ac:spMkLst>
            <pc:docMk/>
            <pc:sldMk cId="1279582212" sldId="257"/>
            <ac:spMk id="571" creationId="{9D47C4B7-CB74-4ACF-BE1E-B5B8759CA33C}"/>
          </ac:spMkLst>
        </pc:spChg>
        <pc:spChg chg="add del mod modVis">
          <ac:chgData name="Manuel Lidauer" userId="b55e45dd-c6cc-461d-bef5-835fc172e678" providerId="ADAL" clId="{BCD0C6F6-2D95-4A66-B702-D3858BC1FC00}" dt="2019-09-26T09:33:58.740" v="12730"/>
          <ac:spMkLst>
            <pc:docMk/>
            <pc:sldMk cId="1279582212" sldId="257"/>
            <ac:spMk id="572" creationId="{C082663B-78A3-4380-82ED-1949DC11C808}"/>
          </ac:spMkLst>
        </pc:spChg>
        <pc:spChg chg="add del mod modVis">
          <ac:chgData name="Manuel Lidauer" userId="b55e45dd-c6cc-461d-bef5-835fc172e678" providerId="ADAL" clId="{BCD0C6F6-2D95-4A66-B702-D3858BC1FC00}" dt="2019-09-26T09:33:58.740" v="12732"/>
          <ac:spMkLst>
            <pc:docMk/>
            <pc:sldMk cId="1279582212" sldId="257"/>
            <ac:spMk id="573" creationId="{E918349F-7B23-4E12-A756-699E629763DE}"/>
          </ac:spMkLst>
        </pc:spChg>
        <pc:spChg chg="add del mod modVis">
          <ac:chgData name="Manuel Lidauer" userId="b55e45dd-c6cc-461d-bef5-835fc172e678" providerId="ADAL" clId="{BCD0C6F6-2D95-4A66-B702-D3858BC1FC00}" dt="2019-09-26T09:33:58.741" v="12734"/>
          <ac:spMkLst>
            <pc:docMk/>
            <pc:sldMk cId="1279582212" sldId="257"/>
            <ac:spMk id="574" creationId="{E20775A4-36A2-48D2-A7B1-B74F5DAE7AED}"/>
          </ac:spMkLst>
        </pc:spChg>
        <pc:spChg chg="add del mod modVis">
          <ac:chgData name="Manuel Lidauer" userId="b55e45dd-c6cc-461d-bef5-835fc172e678" providerId="ADAL" clId="{BCD0C6F6-2D95-4A66-B702-D3858BC1FC00}" dt="2019-09-26T09:33:58.741" v="12736"/>
          <ac:spMkLst>
            <pc:docMk/>
            <pc:sldMk cId="1279582212" sldId="257"/>
            <ac:spMk id="575" creationId="{C075CF44-B6AC-4DE1-82B1-0AF11D0A7261}"/>
          </ac:spMkLst>
        </pc:spChg>
        <pc:spChg chg="add del mod modVis">
          <ac:chgData name="Manuel Lidauer" userId="b55e45dd-c6cc-461d-bef5-835fc172e678" providerId="ADAL" clId="{BCD0C6F6-2D95-4A66-B702-D3858BC1FC00}" dt="2019-09-26T09:33:58.742" v="12737"/>
          <ac:spMkLst>
            <pc:docMk/>
            <pc:sldMk cId="1279582212" sldId="257"/>
            <ac:spMk id="576" creationId="{D6604D84-AA6C-4797-A94F-AAD3AB845050}"/>
          </ac:spMkLst>
        </pc:spChg>
        <pc:spChg chg="add del mod modVis">
          <ac:chgData name="Manuel Lidauer" userId="b55e45dd-c6cc-461d-bef5-835fc172e678" providerId="ADAL" clId="{BCD0C6F6-2D95-4A66-B702-D3858BC1FC00}" dt="2019-09-26T09:33:58.742" v="12739"/>
          <ac:spMkLst>
            <pc:docMk/>
            <pc:sldMk cId="1279582212" sldId="257"/>
            <ac:spMk id="577" creationId="{5A895625-0859-4013-BE4C-2AE795FED428}"/>
          </ac:spMkLst>
        </pc:spChg>
        <pc:spChg chg="add del mod modVis">
          <ac:chgData name="Manuel Lidauer" userId="b55e45dd-c6cc-461d-bef5-835fc172e678" providerId="ADAL" clId="{BCD0C6F6-2D95-4A66-B702-D3858BC1FC00}" dt="2019-09-26T09:33:58.743" v="12741"/>
          <ac:spMkLst>
            <pc:docMk/>
            <pc:sldMk cId="1279582212" sldId="257"/>
            <ac:spMk id="578" creationId="{3C4D76E3-B5F1-412D-926D-9D185CC11AA7}"/>
          </ac:spMkLst>
        </pc:spChg>
        <pc:spChg chg="add del mod modVis">
          <ac:chgData name="Manuel Lidauer" userId="b55e45dd-c6cc-461d-bef5-835fc172e678" providerId="ADAL" clId="{BCD0C6F6-2D95-4A66-B702-D3858BC1FC00}" dt="2019-09-26T09:33:58.744" v="12743"/>
          <ac:spMkLst>
            <pc:docMk/>
            <pc:sldMk cId="1279582212" sldId="257"/>
            <ac:spMk id="579" creationId="{5DAAD95E-CEAE-4A61-8DCD-C8C663D19AEA}"/>
          </ac:spMkLst>
        </pc:spChg>
        <pc:spChg chg="add del mod modVis">
          <ac:chgData name="Manuel Lidauer" userId="b55e45dd-c6cc-461d-bef5-835fc172e678" providerId="ADAL" clId="{BCD0C6F6-2D95-4A66-B702-D3858BC1FC00}" dt="2019-09-26T09:33:58.744" v="12745"/>
          <ac:spMkLst>
            <pc:docMk/>
            <pc:sldMk cId="1279582212" sldId="257"/>
            <ac:spMk id="580" creationId="{71F0F090-D518-4B09-8BBC-C1A6BBB8D0D6}"/>
          </ac:spMkLst>
        </pc:spChg>
        <pc:spChg chg="add del mod modVis">
          <ac:chgData name="Manuel Lidauer" userId="b55e45dd-c6cc-461d-bef5-835fc172e678" providerId="ADAL" clId="{BCD0C6F6-2D95-4A66-B702-D3858BC1FC00}" dt="2019-09-26T09:33:58.745" v="12747"/>
          <ac:spMkLst>
            <pc:docMk/>
            <pc:sldMk cId="1279582212" sldId="257"/>
            <ac:spMk id="581" creationId="{D47B6EA1-7337-4CCB-9730-59A5845F51A9}"/>
          </ac:spMkLst>
        </pc:spChg>
        <pc:spChg chg="add del mod modVis">
          <ac:chgData name="Manuel Lidauer" userId="b55e45dd-c6cc-461d-bef5-835fc172e678" providerId="ADAL" clId="{BCD0C6F6-2D95-4A66-B702-D3858BC1FC00}" dt="2019-09-26T09:33:58.746" v="12749"/>
          <ac:spMkLst>
            <pc:docMk/>
            <pc:sldMk cId="1279582212" sldId="257"/>
            <ac:spMk id="582" creationId="{5F236081-FAD8-4299-8FE2-F88781B913E4}"/>
          </ac:spMkLst>
        </pc:spChg>
        <pc:spChg chg="add del mod modVis">
          <ac:chgData name="Manuel Lidauer" userId="b55e45dd-c6cc-461d-bef5-835fc172e678" providerId="ADAL" clId="{BCD0C6F6-2D95-4A66-B702-D3858BC1FC00}" dt="2019-09-26T09:33:58.746" v="12751"/>
          <ac:spMkLst>
            <pc:docMk/>
            <pc:sldMk cId="1279582212" sldId="257"/>
            <ac:spMk id="583" creationId="{48892110-4AAC-4D4B-A52B-AFE486EEAB61}"/>
          </ac:spMkLst>
        </pc:spChg>
        <pc:spChg chg="add del mod modVis">
          <ac:chgData name="Manuel Lidauer" userId="b55e45dd-c6cc-461d-bef5-835fc172e678" providerId="ADAL" clId="{BCD0C6F6-2D95-4A66-B702-D3858BC1FC00}" dt="2019-09-26T09:33:58.747" v="12752"/>
          <ac:spMkLst>
            <pc:docMk/>
            <pc:sldMk cId="1279582212" sldId="257"/>
            <ac:spMk id="584" creationId="{25A7B3EB-398F-4EC5-8501-962470C5D954}"/>
          </ac:spMkLst>
        </pc:spChg>
        <pc:spChg chg="add del mod modVis">
          <ac:chgData name="Manuel Lidauer" userId="b55e45dd-c6cc-461d-bef5-835fc172e678" providerId="ADAL" clId="{BCD0C6F6-2D95-4A66-B702-D3858BC1FC00}" dt="2019-09-26T09:33:58.747" v="12754"/>
          <ac:spMkLst>
            <pc:docMk/>
            <pc:sldMk cId="1279582212" sldId="257"/>
            <ac:spMk id="585" creationId="{65AB72EA-7D62-4DDF-AD6D-A2FAA4074348}"/>
          </ac:spMkLst>
        </pc:spChg>
        <pc:spChg chg="add del mod modVis">
          <ac:chgData name="Manuel Lidauer" userId="b55e45dd-c6cc-461d-bef5-835fc172e678" providerId="ADAL" clId="{BCD0C6F6-2D95-4A66-B702-D3858BC1FC00}" dt="2019-09-26T09:33:58.748" v="12756"/>
          <ac:spMkLst>
            <pc:docMk/>
            <pc:sldMk cId="1279582212" sldId="257"/>
            <ac:spMk id="586" creationId="{1D4EC8DD-E32E-42CF-805E-8F7511B94DAF}"/>
          </ac:spMkLst>
        </pc:spChg>
        <pc:spChg chg="add del mod modVis">
          <ac:chgData name="Manuel Lidauer" userId="b55e45dd-c6cc-461d-bef5-835fc172e678" providerId="ADAL" clId="{BCD0C6F6-2D95-4A66-B702-D3858BC1FC00}" dt="2019-09-26T09:33:58.749" v="12758"/>
          <ac:spMkLst>
            <pc:docMk/>
            <pc:sldMk cId="1279582212" sldId="257"/>
            <ac:spMk id="587" creationId="{8E55B4BE-CE51-420A-9097-A302FA7AB1B7}"/>
          </ac:spMkLst>
        </pc:spChg>
        <pc:spChg chg="add del mod modVis">
          <ac:chgData name="Manuel Lidauer" userId="b55e45dd-c6cc-461d-bef5-835fc172e678" providerId="ADAL" clId="{BCD0C6F6-2D95-4A66-B702-D3858BC1FC00}" dt="2019-09-26T09:33:58.750" v="12760"/>
          <ac:spMkLst>
            <pc:docMk/>
            <pc:sldMk cId="1279582212" sldId="257"/>
            <ac:spMk id="588" creationId="{0D5A56AB-CB37-4858-86FC-33B33612B27C}"/>
          </ac:spMkLst>
        </pc:spChg>
        <pc:spChg chg="add del mod modVis">
          <ac:chgData name="Manuel Lidauer" userId="b55e45dd-c6cc-461d-bef5-835fc172e678" providerId="ADAL" clId="{BCD0C6F6-2D95-4A66-B702-D3858BC1FC00}" dt="2019-09-26T09:33:58.751" v="12762"/>
          <ac:spMkLst>
            <pc:docMk/>
            <pc:sldMk cId="1279582212" sldId="257"/>
            <ac:spMk id="589" creationId="{A5218854-D9E4-4F53-8770-1B3CE2EDB348}"/>
          </ac:spMkLst>
        </pc:spChg>
        <pc:spChg chg="add del mod modVis">
          <ac:chgData name="Manuel Lidauer" userId="b55e45dd-c6cc-461d-bef5-835fc172e678" providerId="ADAL" clId="{BCD0C6F6-2D95-4A66-B702-D3858BC1FC00}" dt="2019-09-26T09:33:58.752" v="12764"/>
          <ac:spMkLst>
            <pc:docMk/>
            <pc:sldMk cId="1279582212" sldId="257"/>
            <ac:spMk id="590" creationId="{753507FA-75E8-4F4A-876F-83E97997464E}"/>
          </ac:spMkLst>
        </pc:spChg>
        <pc:spChg chg="add del mod modVis">
          <ac:chgData name="Manuel Lidauer" userId="b55e45dd-c6cc-461d-bef5-835fc172e678" providerId="ADAL" clId="{BCD0C6F6-2D95-4A66-B702-D3858BC1FC00}" dt="2019-09-26T09:33:58.752" v="12766"/>
          <ac:spMkLst>
            <pc:docMk/>
            <pc:sldMk cId="1279582212" sldId="257"/>
            <ac:spMk id="591" creationId="{8A8CFB94-9C0D-478A-B232-B9F067D1A8B7}"/>
          </ac:spMkLst>
        </pc:spChg>
        <pc:spChg chg="add del mod modVis">
          <ac:chgData name="Manuel Lidauer" userId="b55e45dd-c6cc-461d-bef5-835fc172e678" providerId="ADAL" clId="{BCD0C6F6-2D95-4A66-B702-D3858BC1FC00}" dt="2019-09-26T09:33:58.753" v="12767"/>
          <ac:spMkLst>
            <pc:docMk/>
            <pc:sldMk cId="1279582212" sldId="257"/>
            <ac:spMk id="592" creationId="{E1210592-F11C-4066-A2D0-57EE1F4C2306}"/>
          </ac:spMkLst>
        </pc:spChg>
        <pc:spChg chg="add del mod modVis">
          <ac:chgData name="Manuel Lidauer" userId="b55e45dd-c6cc-461d-bef5-835fc172e678" providerId="ADAL" clId="{BCD0C6F6-2D95-4A66-B702-D3858BC1FC00}" dt="2019-09-26T09:33:58.753" v="12769"/>
          <ac:spMkLst>
            <pc:docMk/>
            <pc:sldMk cId="1279582212" sldId="257"/>
            <ac:spMk id="593" creationId="{C6189E7A-B8FE-4D9D-A694-E666B48BCF5A}"/>
          </ac:spMkLst>
        </pc:spChg>
        <pc:spChg chg="add del mod modVis">
          <ac:chgData name="Manuel Lidauer" userId="b55e45dd-c6cc-461d-bef5-835fc172e678" providerId="ADAL" clId="{BCD0C6F6-2D95-4A66-B702-D3858BC1FC00}" dt="2019-09-26T09:33:58.754" v="12771"/>
          <ac:spMkLst>
            <pc:docMk/>
            <pc:sldMk cId="1279582212" sldId="257"/>
            <ac:spMk id="594" creationId="{248BE931-51AB-40A3-806F-D01EFF0E5AD2}"/>
          </ac:spMkLst>
        </pc:spChg>
        <pc:spChg chg="add del mod modVis">
          <ac:chgData name="Manuel Lidauer" userId="b55e45dd-c6cc-461d-bef5-835fc172e678" providerId="ADAL" clId="{BCD0C6F6-2D95-4A66-B702-D3858BC1FC00}" dt="2019-09-26T09:33:58.755" v="12773"/>
          <ac:spMkLst>
            <pc:docMk/>
            <pc:sldMk cId="1279582212" sldId="257"/>
            <ac:spMk id="595" creationId="{9CEC9BB0-262E-4FB8-9105-C2E94F02A6C0}"/>
          </ac:spMkLst>
        </pc:spChg>
        <pc:spChg chg="add del mod modVis">
          <ac:chgData name="Manuel Lidauer" userId="b55e45dd-c6cc-461d-bef5-835fc172e678" providerId="ADAL" clId="{BCD0C6F6-2D95-4A66-B702-D3858BC1FC00}" dt="2019-09-26T09:33:58.755" v="12775"/>
          <ac:spMkLst>
            <pc:docMk/>
            <pc:sldMk cId="1279582212" sldId="257"/>
            <ac:spMk id="596" creationId="{45598C91-71F2-4AAB-9D05-3B35300FA6A9}"/>
          </ac:spMkLst>
        </pc:spChg>
        <pc:spChg chg="add del mod modVis">
          <ac:chgData name="Manuel Lidauer" userId="b55e45dd-c6cc-461d-bef5-835fc172e678" providerId="ADAL" clId="{BCD0C6F6-2D95-4A66-B702-D3858BC1FC00}" dt="2019-09-26T09:33:58.756" v="12777"/>
          <ac:spMkLst>
            <pc:docMk/>
            <pc:sldMk cId="1279582212" sldId="257"/>
            <ac:spMk id="597" creationId="{19C8DE54-6009-4C07-8C34-650640A6034A}"/>
          </ac:spMkLst>
        </pc:spChg>
        <pc:spChg chg="add del mod modVis">
          <ac:chgData name="Manuel Lidauer" userId="b55e45dd-c6cc-461d-bef5-835fc172e678" providerId="ADAL" clId="{BCD0C6F6-2D95-4A66-B702-D3858BC1FC00}" dt="2019-09-26T09:33:58.757" v="12779"/>
          <ac:spMkLst>
            <pc:docMk/>
            <pc:sldMk cId="1279582212" sldId="257"/>
            <ac:spMk id="598" creationId="{E2F5E701-D1DE-438F-B0C2-18C4122BE452}"/>
          </ac:spMkLst>
        </pc:spChg>
        <pc:spChg chg="add del mod modVis">
          <ac:chgData name="Manuel Lidauer" userId="b55e45dd-c6cc-461d-bef5-835fc172e678" providerId="ADAL" clId="{BCD0C6F6-2D95-4A66-B702-D3858BC1FC00}" dt="2019-09-26T09:33:58.757" v="12781"/>
          <ac:spMkLst>
            <pc:docMk/>
            <pc:sldMk cId="1279582212" sldId="257"/>
            <ac:spMk id="599" creationId="{FDF17535-4FEA-4C06-9DDA-8129C6B8C091}"/>
          </ac:spMkLst>
        </pc:spChg>
        <pc:spChg chg="add del mod modVis">
          <ac:chgData name="Manuel Lidauer" userId="b55e45dd-c6cc-461d-bef5-835fc172e678" providerId="ADAL" clId="{BCD0C6F6-2D95-4A66-B702-D3858BC1FC00}" dt="2019-09-26T09:33:58.758" v="12782"/>
          <ac:spMkLst>
            <pc:docMk/>
            <pc:sldMk cId="1279582212" sldId="257"/>
            <ac:spMk id="600" creationId="{8D0FCDC9-52A3-4BE4-9CF1-1AE942653E9B}"/>
          </ac:spMkLst>
        </pc:spChg>
        <pc:spChg chg="add del mod modVis">
          <ac:chgData name="Manuel Lidauer" userId="b55e45dd-c6cc-461d-bef5-835fc172e678" providerId="ADAL" clId="{BCD0C6F6-2D95-4A66-B702-D3858BC1FC00}" dt="2019-09-26T09:33:58.758" v="12784"/>
          <ac:spMkLst>
            <pc:docMk/>
            <pc:sldMk cId="1279582212" sldId="257"/>
            <ac:spMk id="601" creationId="{CE892CF1-F407-42DC-9D7C-EC528C348554}"/>
          </ac:spMkLst>
        </pc:spChg>
        <pc:spChg chg="add del mod modVis">
          <ac:chgData name="Manuel Lidauer" userId="b55e45dd-c6cc-461d-bef5-835fc172e678" providerId="ADAL" clId="{BCD0C6F6-2D95-4A66-B702-D3858BC1FC00}" dt="2019-09-26T09:33:58.759" v="12786"/>
          <ac:spMkLst>
            <pc:docMk/>
            <pc:sldMk cId="1279582212" sldId="257"/>
            <ac:spMk id="602" creationId="{C70A38A2-3240-4430-9914-F3E0B374AA00}"/>
          </ac:spMkLst>
        </pc:spChg>
        <pc:spChg chg="add del mod modVis">
          <ac:chgData name="Manuel Lidauer" userId="b55e45dd-c6cc-461d-bef5-835fc172e678" providerId="ADAL" clId="{BCD0C6F6-2D95-4A66-B702-D3858BC1FC00}" dt="2019-09-26T09:33:58.760" v="12788"/>
          <ac:spMkLst>
            <pc:docMk/>
            <pc:sldMk cId="1279582212" sldId="257"/>
            <ac:spMk id="603" creationId="{25B5A52D-8371-4036-84A0-31CF92FA883E}"/>
          </ac:spMkLst>
        </pc:spChg>
        <pc:spChg chg="add del mod modVis">
          <ac:chgData name="Manuel Lidauer" userId="b55e45dd-c6cc-461d-bef5-835fc172e678" providerId="ADAL" clId="{BCD0C6F6-2D95-4A66-B702-D3858BC1FC00}" dt="2019-09-26T09:33:58.760" v="12790"/>
          <ac:spMkLst>
            <pc:docMk/>
            <pc:sldMk cId="1279582212" sldId="257"/>
            <ac:spMk id="604" creationId="{A7F864A5-EDFE-4849-9317-211378202194}"/>
          </ac:spMkLst>
        </pc:spChg>
        <pc:spChg chg="add del mod modVis">
          <ac:chgData name="Manuel Lidauer" userId="b55e45dd-c6cc-461d-bef5-835fc172e678" providerId="ADAL" clId="{BCD0C6F6-2D95-4A66-B702-D3858BC1FC00}" dt="2019-09-26T09:33:58.761" v="12792"/>
          <ac:spMkLst>
            <pc:docMk/>
            <pc:sldMk cId="1279582212" sldId="257"/>
            <ac:spMk id="605" creationId="{740ACE27-C636-4D89-9508-6BB46792F08B}"/>
          </ac:spMkLst>
        </pc:spChg>
        <pc:spChg chg="add del mod modVis">
          <ac:chgData name="Manuel Lidauer" userId="b55e45dd-c6cc-461d-bef5-835fc172e678" providerId="ADAL" clId="{BCD0C6F6-2D95-4A66-B702-D3858BC1FC00}" dt="2019-09-26T09:33:58.762" v="12794"/>
          <ac:spMkLst>
            <pc:docMk/>
            <pc:sldMk cId="1279582212" sldId="257"/>
            <ac:spMk id="606" creationId="{1411B676-F752-449B-9F84-59691A0A2FF8}"/>
          </ac:spMkLst>
        </pc:spChg>
        <pc:spChg chg="add del mod modVis">
          <ac:chgData name="Manuel Lidauer" userId="b55e45dd-c6cc-461d-bef5-835fc172e678" providerId="ADAL" clId="{BCD0C6F6-2D95-4A66-B702-D3858BC1FC00}" dt="2019-09-26T09:33:58.762" v="12796"/>
          <ac:spMkLst>
            <pc:docMk/>
            <pc:sldMk cId="1279582212" sldId="257"/>
            <ac:spMk id="607" creationId="{64B6D740-9F14-4C21-846E-429C5A375AF6}"/>
          </ac:spMkLst>
        </pc:spChg>
        <pc:spChg chg="add del mod modVis">
          <ac:chgData name="Manuel Lidauer" userId="b55e45dd-c6cc-461d-bef5-835fc172e678" providerId="ADAL" clId="{BCD0C6F6-2D95-4A66-B702-D3858BC1FC00}" dt="2019-09-26T09:33:58.763" v="12797"/>
          <ac:spMkLst>
            <pc:docMk/>
            <pc:sldMk cId="1279582212" sldId="257"/>
            <ac:spMk id="608" creationId="{9910403E-5A4E-45BA-A482-D0397DB7B039}"/>
          </ac:spMkLst>
        </pc:spChg>
        <pc:spChg chg="add del mod modVis">
          <ac:chgData name="Manuel Lidauer" userId="b55e45dd-c6cc-461d-bef5-835fc172e678" providerId="ADAL" clId="{BCD0C6F6-2D95-4A66-B702-D3858BC1FC00}" dt="2019-09-26T09:33:58.764" v="12799"/>
          <ac:spMkLst>
            <pc:docMk/>
            <pc:sldMk cId="1279582212" sldId="257"/>
            <ac:spMk id="609" creationId="{54CFB969-39AA-4C1C-B39B-4897FB1F6C7E}"/>
          </ac:spMkLst>
        </pc:spChg>
        <pc:spChg chg="add del mod modVis">
          <ac:chgData name="Manuel Lidauer" userId="b55e45dd-c6cc-461d-bef5-835fc172e678" providerId="ADAL" clId="{BCD0C6F6-2D95-4A66-B702-D3858BC1FC00}" dt="2019-09-26T09:33:58.765" v="12801"/>
          <ac:spMkLst>
            <pc:docMk/>
            <pc:sldMk cId="1279582212" sldId="257"/>
            <ac:spMk id="610" creationId="{DFC71C1F-286F-4DA0-A94E-00E3AB01E371}"/>
          </ac:spMkLst>
        </pc:spChg>
        <pc:spChg chg="add del mod modVis">
          <ac:chgData name="Manuel Lidauer" userId="b55e45dd-c6cc-461d-bef5-835fc172e678" providerId="ADAL" clId="{BCD0C6F6-2D95-4A66-B702-D3858BC1FC00}" dt="2019-09-26T09:33:58.766" v="12803"/>
          <ac:spMkLst>
            <pc:docMk/>
            <pc:sldMk cId="1279582212" sldId="257"/>
            <ac:spMk id="611" creationId="{F4FCCC17-43C7-482D-9A11-6A298449BA29}"/>
          </ac:spMkLst>
        </pc:spChg>
        <pc:spChg chg="add del mod modVis">
          <ac:chgData name="Manuel Lidauer" userId="b55e45dd-c6cc-461d-bef5-835fc172e678" providerId="ADAL" clId="{BCD0C6F6-2D95-4A66-B702-D3858BC1FC00}" dt="2019-09-26T09:33:58.766" v="12805"/>
          <ac:spMkLst>
            <pc:docMk/>
            <pc:sldMk cId="1279582212" sldId="257"/>
            <ac:spMk id="612" creationId="{D64434FB-28AF-4BBC-9646-35C31A3BF330}"/>
          </ac:spMkLst>
        </pc:spChg>
        <pc:spChg chg="add del mod modVis">
          <ac:chgData name="Manuel Lidauer" userId="b55e45dd-c6cc-461d-bef5-835fc172e678" providerId="ADAL" clId="{BCD0C6F6-2D95-4A66-B702-D3858BC1FC00}" dt="2019-09-26T09:33:58.767" v="12807"/>
          <ac:spMkLst>
            <pc:docMk/>
            <pc:sldMk cId="1279582212" sldId="257"/>
            <ac:spMk id="613" creationId="{39CA60FE-3BC9-444D-945F-D63E14FD7C2E}"/>
          </ac:spMkLst>
        </pc:spChg>
        <pc:spChg chg="add del mod modVis">
          <ac:chgData name="Manuel Lidauer" userId="b55e45dd-c6cc-461d-bef5-835fc172e678" providerId="ADAL" clId="{BCD0C6F6-2D95-4A66-B702-D3858BC1FC00}" dt="2019-09-26T09:33:58.768" v="12809"/>
          <ac:spMkLst>
            <pc:docMk/>
            <pc:sldMk cId="1279582212" sldId="257"/>
            <ac:spMk id="614" creationId="{DA077D92-22F9-4200-9F33-810D9C93C3AC}"/>
          </ac:spMkLst>
        </pc:spChg>
        <pc:spChg chg="add del mod modVis">
          <ac:chgData name="Manuel Lidauer" userId="b55e45dd-c6cc-461d-bef5-835fc172e678" providerId="ADAL" clId="{BCD0C6F6-2D95-4A66-B702-D3858BC1FC00}" dt="2019-09-26T09:33:58.769" v="12811"/>
          <ac:spMkLst>
            <pc:docMk/>
            <pc:sldMk cId="1279582212" sldId="257"/>
            <ac:spMk id="615" creationId="{26395B81-9B8C-40D5-AEF4-65973172D629}"/>
          </ac:spMkLst>
        </pc:spChg>
        <pc:spChg chg="add del mod modVis">
          <ac:chgData name="Manuel Lidauer" userId="b55e45dd-c6cc-461d-bef5-835fc172e678" providerId="ADAL" clId="{BCD0C6F6-2D95-4A66-B702-D3858BC1FC00}" dt="2019-09-26T09:33:58.769" v="12812"/>
          <ac:spMkLst>
            <pc:docMk/>
            <pc:sldMk cId="1279582212" sldId="257"/>
            <ac:spMk id="616" creationId="{C6C20086-266A-4211-9EF9-3FCF3708178C}"/>
          </ac:spMkLst>
        </pc:spChg>
        <pc:spChg chg="add del mod modVis">
          <ac:chgData name="Manuel Lidauer" userId="b55e45dd-c6cc-461d-bef5-835fc172e678" providerId="ADAL" clId="{BCD0C6F6-2D95-4A66-B702-D3858BC1FC00}" dt="2019-09-26T09:33:58.770" v="12814"/>
          <ac:spMkLst>
            <pc:docMk/>
            <pc:sldMk cId="1279582212" sldId="257"/>
            <ac:spMk id="617" creationId="{D4584D2A-988E-4A2A-8A14-110481C3EBA8}"/>
          </ac:spMkLst>
        </pc:spChg>
        <pc:spChg chg="add del mod modVis">
          <ac:chgData name="Manuel Lidauer" userId="b55e45dd-c6cc-461d-bef5-835fc172e678" providerId="ADAL" clId="{BCD0C6F6-2D95-4A66-B702-D3858BC1FC00}" dt="2019-09-26T09:33:58.771" v="12816"/>
          <ac:spMkLst>
            <pc:docMk/>
            <pc:sldMk cId="1279582212" sldId="257"/>
            <ac:spMk id="618" creationId="{D2A20023-8BCE-46D7-98E0-57B2C9223B0C}"/>
          </ac:spMkLst>
        </pc:spChg>
        <pc:spChg chg="add del mod modVis">
          <ac:chgData name="Manuel Lidauer" userId="b55e45dd-c6cc-461d-bef5-835fc172e678" providerId="ADAL" clId="{BCD0C6F6-2D95-4A66-B702-D3858BC1FC00}" dt="2019-09-26T09:33:58.771" v="12818"/>
          <ac:spMkLst>
            <pc:docMk/>
            <pc:sldMk cId="1279582212" sldId="257"/>
            <ac:spMk id="619" creationId="{982F9F0B-C5E6-418F-B399-EB953B99AD08}"/>
          </ac:spMkLst>
        </pc:spChg>
        <pc:spChg chg="add del mod modVis">
          <ac:chgData name="Manuel Lidauer" userId="b55e45dd-c6cc-461d-bef5-835fc172e678" providerId="ADAL" clId="{BCD0C6F6-2D95-4A66-B702-D3858BC1FC00}" dt="2019-09-26T09:33:58.772" v="12820"/>
          <ac:spMkLst>
            <pc:docMk/>
            <pc:sldMk cId="1279582212" sldId="257"/>
            <ac:spMk id="620" creationId="{748A30F7-717B-4074-9253-4DE9F3800455}"/>
          </ac:spMkLst>
        </pc:spChg>
        <pc:spChg chg="add del mod modVis">
          <ac:chgData name="Manuel Lidauer" userId="b55e45dd-c6cc-461d-bef5-835fc172e678" providerId="ADAL" clId="{BCD0C6F6-2D95-4A66-B702-D3858BC1FC00}" dt="2019-09-26T09:33:58.773" v="12822"/>
          <ac:spMkLst>
            <pc:docMk/>
            <pc:sldMk cId="1279582212" sldId="257"/>
            <ac:spMk id="621" creationId="{07676DC6-15AF-4EEF-8C35-419BB7FF3009}"/>
          </ac:spMkLst>
        </pc:spChg>
        <pc:spChg chg="add del mod modVis">
          <ac:chgData name="Manuel Lidauer" userId="b55e45dd-c6cc-461d-bef5-835fc172e678" providerId="ADAL" clId="{BCD0C6F6-2D95-4A66-B702-D3858BC1FC00}" dt="2019-09-26T09:33:58.773" v="12824"/>
          <ac:spMkLst>
            <pc:docMk/>
            <pc:sldMk cId="1279582212" sldId="257"/>
            <ac:spMk id="622" creationId="{E383C3BF-9E27-4A30-8D98-DC45D79B8DAC}"/>
          </ac:spMkLst>
        </pc:spChg>
        <pc:spChg chg="add del mod modVis">
          <ac:chgData name="Manuel Lidauer" userId="b55e45dd-c6cc-461d-bef5-835fc172e678" providerId="ADAL" clId="{BCD0C6F6-2D95-4A66-B702-D3858BC1FC00}" dt="2019-09-26T09:33:58.774" v="12826"/>
          <ac:spMkLst>
            <pc:docMk/>
            <pc:sldMk cId="1279582212" sldId="257"/>
            <ac:spMk id="623" creationId="{4EE93DE8-A302-4556-A751-61D4EB906B04}"/>
          </ac:spMkLst>
        </pc:spChg>
        <pc:spChg chg="add del mod modVis">
          <ac:chgData name="Manuel Lidauer" userId="b55e45dd-c6cc-461d-bef5-835fc172e678" providerId="ADAL" clId="{BCD0C6F6-2D95-4A66-B702-D3858BC1FC00}" dt="2019-09-26T09:33:58.774" v="12827"/>
          <ac:spMkLst>
            <pc:docMk/>
            <pc:sldMk cId="1279582212" sldId="257"/>
            <ac:spMk id="624" creationId="{CDA85868-AAAA-4EC0-9660-01E4FC651D90}"/>
          </ac:spMkLst>
        </pc:spChg>
        <pc:spChg chg="add del mod modVis">
          <ac:chgData name="Manuel Lidauer" userId="b55e45dd-c6cc-461d-bef5-835fc172e678" providerId="ADAL" clId="{BCD0C6F6-2D95-4A66-B702-D3858BC1FC00}" dt="2019-09-26T09:33:58.775" v="12829"/>
          <ac:spMkLst>
            <pc:docMk/>
            <pc:sldMk cId="1279582212" sldId="257"/>
            <ac:spMk id="625" creationId="{B8C138F1-3AD7-4321-9E1A-B139F9D0C207}"/>
          </ac:spMkLst>
        </pc:spChg>
        <pc:spChg chg="add del mod modVis">
          <ac:chgData name="Manuel Lidauer" userId="b55e45dd-c6cc-461d-bef5-835fc172e678" providerId="ADAL" clId="{BCD0C6F6-2D95-4A66-B702-D3858BC1FC00}" dt="2019-09-26T09:33:58.776" v="12831"/>
          <ac:spMkLst>
            <pc:docMk/>
            <pc:sldMk cId="1279582212" sldId="257"/>
            <ac:spMk id="626" creationId="{2395D7F6-13AD-4140-9E75-A253AE512FC0}"/>
          </ac:spMkLst>
        </pc:spChg>
        <pc:spChg chg="add del mod modVis">
          <ac:chgData name="Manuel Lidauer" userId="b55e45dd-c6cc-461d-bef5-835fc172e678" providerId="ADAL" clId="{BCD0C6F6-2D95-4A66-B702-D3858BC1FC00}" dt="2019-09-26T09:33:58.776" v="12833"/>
          <ac:spMkLst>
            <pc:docMk/>
            <pc:sldMk cId="1279582212" sldId="257"/>
            <ac:spMk id="627" creationId="{FE2EE4E3-01BB-43A9-8ED1-D95B9EF91FBB}"/>
          </ac:spMkLst>
        </pc:spChg>
        <pc:spChg chg="add del mod modVis">
          <ac:chgData name="Manuel Lidauer" userId="b55e45dd-c6cc-461d-bef5-835fc172e678" providerId="ADAL" clId="{BCD0C6F6-2D95-4A66-B702-D3858BC1FC00}" dt="2019-09-26T09:33:58.777" v="12835"/>
          <ac:spMkLst>
            <pc:docMk/>
            <pc:sldMk cId="1279582212" sldId="257"/>
            <ac:spMk id="628" creationId="{7041BE96-FE7E-4282-8AB9-8B7E7022D255}"/>
          </ac:spMkLst>
        </pc:spChg>
        <pc:spChg chg="add del mod modVis">
          <ac:chgData name="Manuel Lidauer" userId="b55e45dd-c6cc-461d-bef5-835fc172e678" providerId="ADAL" clId="{BCD0C6F6-2D95-4A66-B702-D3858BC1FC00}" dt="2019-09-26T09:33:58.778" v="12837"/>
          <ac:spMkLst>
            <pc:docMk/>
            <pc:sldMk cId="1279582212" sldId="257"/>
            <ac:spMk id="629" creationId="{AB0C8C30-D323-457D-A16F-371EBF2B6462}"/>
          </ac:spMkLst>
        </pc:spChg>
        <pc:spChg chg="add del mod modVis">
          <ac:chgData name="Manuel Lidauer" userId="b55e45dd-c6cc-461d-bef5-835fc172e678" providerId="ADAL" clId="{BCD0C6F6-2D95-4A66-B702-D3858BC1FC00}" dt="2019-09-26T09:33:58.778" v="12839"/>
          <ac:spMkLst>
            <pc:docMk/>
            <pc:sldMk cId="1279582212" sldId="257"/>
            <ac:spMk id="630" creationId="{15077555-F374-41B0-8E14-EE499C409C90}"/>
          </ac:spMkLst>
        </pc:spChg>
        <pc:spChg chg="add del mod modVis">
          <ac:chgData name="Manuel Lidauer" userId="b55e45dd-c6cc-461d-bef5-835fc172e678" providerId="ADAL" clId="{BCD0C6F6-2D95-4A66-B702-D3858BC1FC00}" dt="2019-09-26T09:33:58.779" v="12841"/>
          <ac:spMkLst>
            <pc:docMk/>
            <pc:sldMk cId="1279582212" sldId="257"/>
            <ac:spMk id="631" creationId="{024D28ED-EDD4-4CE1-A439-7066F2FB476C}"/>
          </ac:spMkLst>
        </pc:spChg>
        <pc:spChg chg="add del mod modVis">
          <ac:chgData name="Manuel Lidauer" userId="b55e45dd-c6cc-461d-bef5-835fc172e678" providerId="ADAL" clId="{BCD0C6F6-2D95-4A66-B702-D3858BC1FC00}" dt="2019-09-26T09:33:58.779" v="12842"/>
          <ac:spMkLst>
            <pc:docMk/>
            <pc:sldMk cId="1279582212" sldId="257"/>
            <ac:spMk id="632" creationId="{4B92D690-3E6B-4D0E-B715-FE645C8DCD77}"/>
          </ac:spMkLst>
        </pc:spChg>
        <pc:spChg chg="add del mod modVis">
          <ac:chgData name="Manuel Lidauer" userId="b55e45dd-c6cc-461d-bef5-835fc172e678" providerId="ADAL" clId="{BCD0C6F6-2D95-4A66-B702-D3858BC1FC00}" dt="2019-09-26T09:33:58.780" v="12844"/>
          <ac:spMkLst>
            <pc:docMk/>
            <pc:sldMk cId="1279582212" sldId="257"/>
            <ac:spMk id="633" creationId="{434E6E43-B9D9-4AB9-AEC3-FF988B264585}"/>
          </ac:spMkLst>
        </pc:spChg>
        <pc:spChg chg="add del mod modVis">
          <ac:chgData name="Manuel Lidauer" userId="b55e45dd-c6cc-461d-bef5-835fc172e678" providerId="ADAL" clId="{BCD0C6F6-2D95-4A66-B702-D3858BC1FC00}" dt="2019-09-26T09:33:58.781" v="12846"/>
          <ac:spMkLst>
            <pc:docMk/>
            <pc:sldMk cId="1279582212" sldId="257"/>
            <ac:spMk id="634" creationId="{6EB1EA1C-ACEF-4788-A7A9-C455E87F7D75}"/>
          </ac:spMkLst>
        </pc:spChg>
        <pc:spChg chg="add del mod modVis">
          <ac:chgData name="Manuel Lidauer" userId="b55e45dd-c6cc-461d-bef5-835fc172e678" providerId="ADAL" clId="{BCD0C6F6-2D95-4A66-B702-D3858BC1FC00}" dt="2019-09-26T09:33:58.781" v="12848"/>
          <ac:spMkLst>
            <pc:docMk/>
            <pc:sldMk cId="1279582212" sldId="257"/>
            <ac:spMk id="635" creationId="{A198532B-2979-482C-8726-01D415702426}"/>
          </ac:spMkLst>
        </pc:spChg>
        <pc:spChg chg="add del mod modVis">
          <ac:chgData name="Manuel Lidauer" userId="b55e45dd-c6cc-461d-bef5-835fc172e678" providerId="ADAL" clId="{BCD0C6F6-2D95-4A66-B702-D3858BC1FC00}" dt="2019-09-26T09:33:58.782" v="12850"/>
          <ac:spMkLst>
            <pc:docMk/>
            <pc:sldMk cId="1279582212" sldId="257"/>
            <ac:spMk id="636" creationId="{5C86FD70-A84B-4009-B6D4-B8A8E0BDC93B}"/>
          </ac:spMkLst>
        </pc:spChg>
        <pc:spChg chg="add del mod modVis">
          <ac:chgData name="Manuel Lidauer" userId="b55e45dd-c6cc-461d-bef5-835fc172e678" providerId="ADAL" clId="{BCD0C6F6-2D95-4A66-B702-D3858BC1FC00}" dt="2019-09-26T09:33:58.783" v="12852"/>
          <ac:spMkLst>
            <pc:docMk/>
            <pc:sldMk cId="1279582212" sldId="257"/>
            <ac:spMk id="637" creationId="{8D857E9B-B319-4DDC-902C-1D8E16BB9641}"/>
          </ac:spMkLst>
        </pc:spChg>
        <pc:spChg chg="add del mod modVis">
          <ac:chgData name="Manuel Lidauer" userId="b55e45dd-c6cc-461d-bef5-835fc172e678" providerId="ADAL" clId="{BCD0C6F6-2D95-4A66-B702-D3858BC1FC00}" dt="2019-09-26T09:33:58.783" v="12854"/>
          <ac:spMkLst>
            <pc:docMk/>
            <pc:sldMk cId="1279582212" sldId="257"/>
            <ac:spMk id="638" creationId="{896BEEF5-8226-4D41-87D5-623641913745}"/>
          </ac:spMkLst>
        </pc:spChg>
        <pc:spChg chg="add del mod modVis">
          <ac:chgData name="Manuel Lidauer" userId="b55e45dd-c6cc-461d-bef5-835fc172e678" providerId="ADAL" clId="{BCD0C6F6-2D95-4A66-B702-D3858BC1FC00}" dt="2019-09-26T09:33:58.785" v="12856"/>
          <ac:spMkLst>
            <pc:docMk/>
            <pc:sldMk cId="1279582212" sldId="257"/>
            <ac:spMk id="639" creationId="{D24F57EE-CE96-4A21-AAB2-2774954AD288}"/>
          </ac:spMkLst>
        </pc:spChg>
        <pc:spChg chg="add del mod modVis">
          <ac:chgData name="Manuel Lidauer" userId="b55e45dd-c6cc-461d-bef5-835fc172e678" providerId="ADAL" clId="{BCD0C6F6-2D95-4A66-B702-D3858BC1FC00}" dt="2019-09-26T09:33:58.785" v="12857"/>
          <ac:spMkLst>
            <pc:docMk/>
            <pc:sldMk cId="1279582212" sldId="257"/>
            <ac:spMk id="640" creationId="{D6606D08-5823-4B03-9279-9B3B8AF19E96}"/>
          </ac:spMkLst>
        </pc:spChg>
        <pc:spChg chg="add del mod modVis">
          <ac:chgData name="Manuel Lidauer" userId="b55e45dd-c6cc-461d-bef5-835fc172e678" providerId="ADAL" clId="{BCD0C6F6-2D95-4A66-B702-D3858BC1FC00}" dt="2019-09-26T09:33:58.786" v="12859"/>
          <ac:spMkLst>
            <pc:docMk/>
            <pc:sldMk cId="1279582212" sldId="257"/>
            <ac:spMk id="641" creationId="{5D1E175D-266E-4B98-84C6-0AE575539148}"/>
          </ac:spMkLst>
        </pc:spChg>
        <pc:spChg chg="add del mod modVis">
          <ac:chgData name="Manuel Lidauer" userId="b55e45dd-c6cc-461d-bef5-835fc172e678" providerId="ADAL" clId="{BCD0C6F6-2D95-4A66-B702-D3858BC1FC00}" dt="2019-09-26T09:33:58.787" v="12861"/>
          <ac:spMkLst>
            <pc:docMk/>
            <pc:sldMk cId="1279582212" sldId="257"/>
            <ac:spMk id="642" creationId="{D0537C12-8264-4695-8CB1-347F1DD9CCFB}"/>
          </ac:spMkLst>
        </pc:spChg>
        <pc:spChg chg="add del mod modVis">
          <ac:chgData name="Manuel Lidauer" userId="b55e45dd-c6cc-461d-bef5-835fc172e678" providerId="ADAL" clId="{BCD0C6F6-2D95-4A66-B702-D3858BC1FC00}" dt="2019-09-26T09:33:58.788" v="12863"/>
          <ac:spMkLst>
            <pc:docMk/>
            <pc:sldMk cId="1279582212" sldId="257"/>
            <ac:spMk id="643" creationId="{1F436D2F-A968-4311-B3D3-B779156556E5}"/>
          </ac:spMkLst>
        </pc:spChg>
        <pc:spChg chg="add del mod modVis">
          <ac:chgData name="Manuel Lidauer" userId="b55e45dd-c6cc-461d-bef5-835fc172e678" providerId="ADAL" clId="{BCD0C6F6-2D95-4A66-B702-D3858BC1FC00}" dt="2019-09-26T09:33:58.788" v="12865"/>
          <ac:spMkLst>
            <pc:docMk/>
            <pc:sldMk cId="1279582212" sldId="257"/>
            <ac:spMk id="644" creationId="{80B49C7B-AE43-4370-801C-4B34CFD67664}"/>
          </ac:spMkLst>
        </pc:spChg>
        <pc:spChg chg="add del mod modVis">
          <ac:chgData name="Manuel Lidauer" userId="b55e45dd-c6cc-461d-bef5-835fc172e678" providerId="ADAL" clId="{BCD0C6F6-2D95-4A66-B702-D3858BC1FC00}" dt="2019-09-26T09:33:58.789" v="12867"/>
          <ac:spMkLst>
            <pc:docMk/>
            <pc:sldMk cId="1279582212" sldId="257"/>
            <ac:spMk id="645" creationId="{6C42F1FE-C228-4D26-80B9-3AD07DA46E32}"/>
          </ac:spMkLst>
        </pc:spChg>
        <pc:spChg chg="add del mod modVis">
          <ac:chgData name="Manuel Lidauer" userId="b55e45dd-c6cc-461d-bef5-835fc172e678" providerId="ADAL" clId="{BCD0C6F6-2D95-4A66-B702-D3858BC1FC00}" dt="2019-09-26T09:33:58.790" v="12869"/>
          <ac:spMkLst>
            <pc:docMk/>
            <pc:sldMk cId="1279582212" sldId="257"/>
            <ac:spMk id="646" creationId="{2F556984-082F-4F36-9317-BF1FB61174D2}"/>
          </ac:spMkLst>
        </pc:spChg>
        <pc:spChg chg="add del mod modVis">
          <ac:chgData name="Manuel Lidauer" userId="b55e45dd-c6cc-461d-bef5-835fc172e678" providerId="ADAL" clId="{BCD0C6F6-2D95-4A66-B702-D3858BC1FC00}" dt="2019-09-26T09:33:58.790" v="12871"/>
          <ac:spMkLst>
            <pc:docMk/>
            <pc:sldMk cId="1279582212" sldId="257"/>
            <ac:spMk id="647" creationId="{CED59860-EFBC-4DBA-8593-EEC5AA86011D}"/>
          </ac:spMkLst>
        </pc:spChg>
        <pc:spChg chg="add del mod modVis">
          <ac:chgData name="Manuel Lidauer" userId="b55e45dd-c6cc-461d-bef5-835fc172e678" providerId="ADAL" clId="{BCD0C6F6-2D95-4A66-B702-D3858BC1FC00}" dt="2019-09-26T09:33:58.791" v="12872"/>
          <ac:spMkLst>
            <pc:docMk/>
            <pc:sldMk cId="1279582212" sldId="257"/>
            <ac:spMk id="648" creationId="{EFD6FB59-4D5E-4857-BCC8-C7F4B6C258A4}"/>
          </ac:spMkLst>
        </pc:spChg>
        <pc:spChg chg="add del mod modVis">
          <ac:chgData name="Manuel Lidauer" userId="b55e45dd-c6cc-461d-bef5-835fc172e678" providerId="ADAL" clId="{BCD0C6F6-2D95-4A66-B702-D3858BC1FC00}" dt="2019-09-26T09:33:58.791" v="12874"/>
          <ac:spMkLst>
            <pc:docMk/>
            <pc:sldMk cId="1279582212" sldId="257"/>
            <ac:spMk id="649" creationId="{ED1B9284-2BE7-4FC6-B099-CB831153F1E1}"/>
          </ac:spMkLst>
        </pc:spChg>
        <pc:spChg chg="add del mod modVis">
          <ac:chgData name="Manuel Lidauer" userId="b55e45dd-c6cc-461d-bef5-835fc172e678" providerId="ADAL" clId="{BCD0C6F6-2D95-4A66-B702-D3858BC1FC00}" dt="2019-09-26T09:33:58.792" v="12876"/>
          <ac:spMkLst>
            <pc:docMk/>
            <pc:sldMk cId="1279582212" sldId="257"/>
            <ac:spMk id="650" creationId="{EDC255DD-81FF-4CD4-9C51-D049B667EEC5}"/>
          </ac:spMkLst>
        </pc:spChg>
        <pc:spChg chg="add del mod modVis">
          <ac:chgData name="Manuel Lidauer" userId="b55e45dd-c6cc-461d-bef5-835fc172e678" providerId="ADAL" clId="{BCD0C6F6-2D95-4A66-B702-D3858BC1FC00}" dt="2019-09-26T09:33:58.793" v="12878"/>
          <ac:spMkLst>
            <pc:docMk/>
            <pc:sldMk cId="1279582212" sldId="257"/>
            <ac:spMk id="651" creationId="{48DD09BE-4AE6-4A07-AB7B-28D11D9AFE78}"/>
          </ac:spMkLst>
        </pc:spChg>
        <pc:spChg chg="add del mod modVis">
          <ac:chgData name="Manuel Lidauer" userId="b55e45dd-c6cc-461d-bef5-835fc172e678" providerId="ADAL" clId="{BCD0C6F6-2D95-4A66-B702-D3858BC1FC00}" dt="2019-09-26T09:33:58.793" v="12880"/>
          <ac:spMkLst>
            <pc:docMk/>
            <pc:sldMk cId="1279582212" sldId="257"/>
            <ac:spMk id="652" creationId="{1DD572B2-C90C-4C09-AEAE-632FB1A17E39}"/>
          </ac:spMkLst>
        </pc:spChg>
        <pc:spChg chg="add del mod modVis">
          <ac:chgData name="Manuel Lidauer" userId="b55e45dd-c6cc-461d-bef5-835fc172e678" providerId="ADAL" clId="{BCD0C6F6-2D95-4A66-B702-D3858BC1FC00}" dt="2019-09-26T09:33:58.794" v="12882"/>
          <ac:spMkLst>
            <pc:docMk/>
            <pc:sldMk cId="1279582212" sldId="257"/>
            <ac:spMk id="653" creationId="{BC35FD73-D2AA-420E-98D0-FB68D9CB67A9}"/>
          </ac:spMkLst>
        </pc:spChg>
        <pc:spChg chg="add del mod modVis">
          <ac:chgData name="Manuel Lidauer" userId="b55e45dd-c6cc-461d-bef5-835fc172e678" providerId="ADAL" clId="{BCD0C6F6-2D95-4A66-B702-D3858BC1FC00}" dt="2019-09-26T09:33:58.795" v="12884"/>
          <ac:spMkLst>
            <pc:docMk/>
            <pc:sldMk cId="1279582212" sldId="257"/>
            <ac:spMk id="654" creationId="{AC5847BD-6F92-4847-B6F2-C2EBF0429EDC}"/>
          </ac:spMkLst>
        </pc:spChg>
        <pc:spChg chg="add del mod modVis">
          <ac:chgData name="Manuel Lidauer" userId="b55e45dd-c6cc-461d-bef5-835fc172e678" providerId="ADAL" clId="{BCD0C6F6-2D95-4A66-B702-D3858BC1FC00}" dt="2019-09-26T09:33:58.795" v="12886"/>
          <ac:spMkLst>
            <pc:docMk/>
            <pc:sldMk cId="1279582212" sldId="257"/>
            <ac:spMk id="655" creationId="{0A592E39-3482-491B-B0E7-C143D7479CA9}"/>
          </ac:spMkLst>
        </pc:spChg>
        <pc:spChg chg="add del mod modVis">
          <ac:chgData name="Manuel Lidauer" userId="b55e45dd-c6cc-461d-bef5-835fc172e678" providerId="ADAL" clId="{BCD0C6F6-2D95-4A66-B702-D3858BC1FC00}" dt="2019-09-26T09:33:58.796" v="12887"/>
          <ac:spMkLst>
            <pc:docMk/>
            <pc:sldMk cId="1279582212" sldId="257"/>
            <ac:spMk id="656" creationId="{27BBC20F-2579-4631-BA92-0B54EC69732E}"/>
          </ac:spMkLst>
        </pc:spChg>
        <pc:spChg chg="add del mod modVis">
          <ac:chgData name="Manuel Lidauer" userId="b55e45dd-c6cc-461d-bef5-835fc172e678" providerId="ADAL" clId="{BCD0C6F6-2D95-4A66-B702-D3858BC1FC00}" dt="2019-09-26T09:33:58.797" v="12889"/>
          <ac:spMkLst>
            <pc:docMk/>
            <pc:sldMk cId="1279582212" sldId="257"/>
            <ac:spMk id="657" creationId="{B166DDBC-4D77-4677-82EE-F00E39996539}"/>
          </ac:spMkLst>
        </pc:spChg>
        <pc:spChg chg="add del mod modVis">
          <ac:chgData name="Manuel Lidauer" userId="b55e45dd-c6cc-461d-bef5-835fc172e678" providerId="ADAL" clId="{BCD0C6F6-2D95-4A66-B702-D3858BC1FC00}" dt="2019-09-26T09:33:58.798" v="12891"/>
          <ac:spMkLst>
            <pc:docMk/>
            <pc:sldMk cId="1279582212" sldId="257"/>
            <ac:spMk id="658" creationId="{CC44DFA9-C517-4457-A9BA-49481815A7D3}"/>
          </ac:spMkLst>
        </pc:spChg>
        <pc:spChg chg="add del mod modVis">
          <ac:chgData name="Manuel Lidauer" userId="b55e45dd-c6cc-461d-bef5-835fc172e678" providerId="ADAL" clId="{BCD0C6F6-2D95-4A66-B702-D3858BC1FC00}" dt="2019-09-26T09:33:58.798" v="12893"/>
          <ac:spMkLst>
            <pc:docMk/>
            <pc:sldMk cId="1279582212" sldId="257"/>
            <ac:spMk id="659" creationId="{402897D9-74E7-4CC0-AC43-A51C455E9668}"/>
          </ac:spMkLst>
        </pc:spChg>
        <pc:spChg chg="add del mod modVis">
          <ac:chgData name="Manuel Lidauer" userId="b55e45dd-c6cc-461d-bef5-835fc172e678" providerId="ADAL" clId="{BCD0C6F6-2D95-4A66-B702-D3858BC1FC00}" dt="2019-09-26T09:33:58.799" v="12895"/>
          <ac:spMkLst>
            <pc:docMk/>
            <pc:sldMk cId="1279582212" sldId="257"/>
            <ac:spMk id="660" creationId="{54E00453-DA73-4DCB-A457-FBCE0803FBA9}"/>
          </ac:spMkLst>
        </pc:spChg>
        <pc:spChg chg="add del mod modVis">
          <ac:chgData name="Manuel Lidauer" userId="b55e45dd-c6cc-461d-bef5-835fc172e678" providerId="ADAL" clId="{BCD0C6F6-2D95-4A66-B702-D3858BC1FC00}" dt="2019-09-26T09:33:58.800" v="12897"/>
          <ac:spMkLst>
            <pc:docMk/>
            <pc:sldMk cId="1279582212" sldId="257"/>
            <ac:spMk id="661" creationId="{6F3D998D-503F-4204-A151-0394045EB654}"/>
          </ac:spMkLst>
        </pc:spChg>
        <pc:spChg chg="add del mod modVis">
          <ac:chgData name="Manuel Lidauer" userId="b55e45dd-c6cc-461d-bef5-835fc172e678" providerId="ADAL" clId="{BCD0C6F6-2D95-4A66-B702-D3858BC1FC00}" dt="2019-09-26T09:33:58.800" v="12899"/>
          <ac:spMkLst>
            <pc:docMk/>
            <pc:sldMk cId="1279582212" sldId="257"/>
            <ac:spMk id="662" creationId="{97D65479-E5BA-4F05-9EB0-58ECE3C6FF48}"/>
          </ac:spMkLst>
        </pc:spChg>
        <pc:spChg chg="add del mod modVis">
          <ac:chgData name="Manuel Lidauer" userId="b55e45dd-c6cc-461d-bef5-835fc172e678" providerId="ADAL" clId="{BCD0C6F6-2D95-4A66-B702-D3858BC1FC00}" dt="2019-09-26T09:33:58.801" v="12901"/>
          <ac:spMkLst>
            <pc:docMk/>
            <pc:sldMk cId="1279582212" sldId="257"/>
            <ac:spMk id="663" creationId="{6C309E4E-2CBC-4099-97CD-42E92D319477}"/>
          </ac:spMkLst>
        </pc:spChg>
        <pc:spChg chg="add del mod modVis">
          <ac:chgData name="Manuel Lidauer" userId="b55e45dd-c6cc-461d-bef5-835fc172e678" providerId="ADAL" clId="{BCD0C6F6-2D95-4A66-B702-D3858BC1FC00}" dt="2019-09-26T09:33:58.802" v="12902"/>
          <ac:spMkLst>
            <pc:docMk/>
            <pc:sldMk cId="1279582212" sldId="257"/>
            <ac:spMk id="664" creationId="{7CAD588D-FA38-410D-82D0-214944C15B0B}"/>
          </ac:spMkLst>
        </pc:spChg>
        <pc:spChg chg="add del mod modVis">
          <ac:chgData name="Manuel Lidauer" userId="b55e45dd-c6cc-461d-bef5-835fc172e678" providerId="ADAL" clId="{BCD0C6F6-2D95-4A66-B702-D3858BC1FC00}" dt="2019-09-26T09:33:58.803" v="12904"/>
          <ac:spMkLst>
            <pc:docMk/>
            <pc:sldMk cId="1279582212" sldId="257"/>
            <ac:spMk id="665" creationId="{224637B9-0E98-4B4B-8F87-8725B7767C3F}"/>
          </ac:spMkLst>
        </pc:spChg>
        <pc:spChg chg="add del mod modVis">
          <ac:chgData name="Manuel Lidauer" userId="b55e45dd-c6cc-461d-bef5-835fc172e678" providerId="ADAL" clId="{BCD0C6F6-2D95-4A66-B702-D3858BC1FC00}" dt="2019-09-26T09:33:58.803" v="12906"/>
          <ac:spMkLst>
            <pc:docMk/>
            <pc:sldMk cId="1279582212" sldId="257"/>
            <ac:spMk id="666" creationId="{E2BD901E-E052-4371-BEE7-8BFFC2F338D7}"/>
          </ac:spMkLst>
        </pc:spChg>
        <pc:spChg chg="add del mod modVis">
          <ac:chgData name="Manuel Lidauer" userId="b55e45dd-c6cc-461d-bef5-835fc172e678" providerId="ADAL" clId="{BCD0C6F6-2D95-4A66-B702-D3858BC1FC00}" dt="2019-09-26T09:33:58.804" v="12908"/>
          <ac:spMkLst>
            <pc:docMk/>
            <pc:sldMk cId="1279582212" sldId="257"/>
            <ac:spMk id="667" creationId="{AAD0131A-FEEF-4D59-AC9D-CD7658448504}"/>
          </ac:spMkLst>
        </pc:spChg>
        <pc:spChg chg="add del mod modVis">
          <ac:chgData name="Manuel Lidauer" userId="b55e45dd-c6cc-461d-bef5-835fc172e678" providerId="ADAL" clId="{BCD0C6F6-2D95-4A66-B702-D3858BC1FC00}" dt="2019-09-26T09:33:58.805" v="12910"/>
          <ac:spMkLst>
            <pc:docMk/>
            <pc:sldMk cId="1279582212" sldId="257"/>
            <ac:spMk id="668" creationId="{7A9E7288-8F32-42D1-8218-4B0E9FC32390}"/>
          </ac:spMkLst>
        </pc:spChg>
        <pc:spChg chg="add del mod modVis">
          <ac:chgData name="Manuel Lidauer" userId="b55e45dd-c6cc-461d-bef5-835fc172e678" providerId="ADAL" clId="{BCD0C6F6-2D95-4A66-B702-D3858BC1FC00}" dt="2019-09-26T09:33:58.805" v="12912"/>
          <ac:spMkLst>
            <pc:docMk/>
            <pc:sldMk cId="1279582212" sldId="257"/>
            <ac:spMk id="669" creationId="{E355B34B-46D2-4BC2-AB2A-880269C93B60}"/>
          </ac:spMkLst>
        </pc:spChg>
        <pc:spChg chg="add del mod modVis">
          <ac:chgData name="Manuel Lidauer" userId="b55e45dd-c6cc-461d-bef5-835fc172e678" providerId="ADAL" clId="{BCD0C6F6-2D95-4A66-B702-D3858BC1FC00}" dt="2019-09-26T09:33:58.806" v="12914"/>
          <ac:spMkLst>
            <pc:docMk/>
            <pc:sldMk cId="1279582212" sldId="257"/>
            <ac:spMk id="670" creationId="{F5B741AC-256D-4CAD-A45D-91D75A92C5CF}"/>
          </ac:spMkLst>
        </pc:spChg>
        <pc:spChg chg="add del mod modVis">
          <ac:chgData name="Manuel Lidauer" userId="b55e45dd-c6cc-461d-bef5-835fc172e678" providerId="ADAL" clId="{BCD0C6F6-2D95-4A66-B702-D3858BC1FC00}" dt="2019-09-26T09:33:58.807" v="12916"/>
          <ac:spMkLst>
            <pc:docMk/>
            <pc:sldMk cId="1279582212" sldId="257"/>
            <ac:spMk id="671" creationId="{39B1A169-9FBA-43B3-8B42-E22D0FF53A1D}"/>
          </ac:spMkLst>
        </pc:spChg>
        <pc:spChg chg="add del mod modVis">
          <ac:chgData name="Manuel Lidauer" userId="b55e45dd-c6cc-461d-bef5-835fc172e678" providerId="ADAL" clId="{BCD0C6F6-2D95-4A66-B702-D3858BC1FC00}" dt="2019-09-26T09:33:58.807" v="12917"/>
          <ac:spMkLst>
            <pc:docMk/>
            <pc:sldMk cId="1279582212" sldId="257"/>
            <ac:spMk id="672" creationId="{DDF8DDE1-AA07-4630-A6CB-8F293AEBFBAE}"/>
          </ac:spMkLst>
        </pc:spChg>
        <pc:spChg chg="add del mod modVis">
          <ac:chgData name="Manuel Lidauer" userId="b55e45dd-c6cc-461d-bef5-835fc172e678" providerId="ADAL" clId="{BCD0C6F6-2D95-4A66-B702-D3858BC1FC00}" dt="2019-09-26T09:33:58.808" v="12919"/>
          <ac:spMkLst>
            <pc:docMk/>
            <pc:sldMk cId="1279582212" sldId="257"/>
            <ac:spMk id="673" creationId="{5C66A2CB-6F7C-4FAA-AC90-0BDACB718E82}"/>
          </ac:spMkLst>
        </pc:spChg>
        <pc:spChg chg="add del mod modVis">
          <ac:chgData name="Manuel Lidauer" userId="b55e45dd-c6cc-461d-bef5-835fc172e678" providerId="ADAL" clId="{BCD0C6F6-2D95-4A66-B702-D3858BC1FC00}" dt="2019-09-26T09:33:58.808" v="12921"/>
          <ac:spMkLst>
            <pc:docMk/>
            <pc:sldMk cId="1279582212" sldId="257"/>
            <ac:spMk id="674" creationId="{9CE81FC2-7BC1-45A2-9CC5-EC0A33B219B5}"/>
          </ac:spMkLst>
        </pc:spChg>
        <pc:spChg chg="add del mod modVis">
          <ac:chgData name="Manuel Lidauer" userId="b55e45dd-c6cc-461d-bef5-835fc172e678" providerId="ADAL" clId="{BCD0C6F6-2D95-4A66-B702-D3858BC1FC00}" dt="2019-09-26T09:33:58.809" v="12923"/>
          <ac:spMkLst>
            <pc:docMk/>
            <pc:sldMk cId="1279582212" sldId="257"/>
            <ac:spMk id="675" creationId="{C6DAB01E-E306-4722-A6E2-86CC4CDE5B4E}"/>
          </ac:spMkLst>
        </pc:spChg>
        <pc:spChg chg="add del mod modVis">
          <ac:chgData name="Manuel Lidauer" userId="b55e45dd-c6cc-461d-bef5-835fc172e678" providerId="ADAL" clId="{BCD0C6F6-2D95-4A66-B702-D3858BC1FC00}" dt="2019-09-26T09:33:58.810" v="12925"/>
          <ac:spMkLst>
            <pc:docMk/>
            <pc:sldMk cId="1279582212" sldId="257"/>
            <ac:spMk id="676" creationId="{866C101D-E8E8-43D2-9199-0C9E423CEF33}"/>
          </ac:spMkLst>
        </pc:spChg>
        <pc:spChg chg="add del mod modVis">
          <ac:chgData name="Manuel Lidauer" userId="b55e45dd-c6cc-461d-bef5-835fc172e678" providerId="ADAL" clId="{BCD0C6F6-2D95-4A66-B702-D3858BC1FC00}" dt="2019-09-26T09:33:58.810" v="12927"/>
          <ac:spMkLst>
            <pc:docMk/>
            <pc:sldMk cId="1279582212" sldId="257"/>
            <ac:spMk id="677" creationId="{8C5571BD-E3BD-4AEC-BE45-13C31DB41A44}"/>
          </ac:spMkLst>
        </pc:spChg>
        <pc:spChg chg="add del mod modVis">
          <ac:chgData name="Manuel Lidauer" userId="b55e45dd-c6cc-461d-bef5-835fc172e678" providerId="ADAL" clId="{BCD0C6F6-2D95-4A66-B702-D3858BC1FC00}" dt="2019-09-26T09:33:58.811" v="12929"/>
          <ac:spMkLst>
            <pc:docMk/>
            <pc:sldMk cId="1279582212" sldId="257"/>
            <ac:spMk id="678" creationId="{99BDEDCC-4BE9-4112-B863-CB8F57BE813F}"/>
          </ac:spMkLst>
        </pc:spChg>
        <pc:spChg chg="add del mod modVis">
          <ac:chgData name="Manuel Lidauer" userId="b55e45dd-c6cc-461d-bef5-835fc172e678" providerId="ADAL" clId="{BCD0C6F6-2D95-4A66-B702-D3858BC1FC00}" dt="2019-09-26T09:33:58.812" v="12931"/>
          <ac:spMkLst>
            <pc:docMk/>
            <pc:sldMk cId="1279582212" sldId="257"/>
            <ac:spMk id="679" creationId="{AB621166-E6C5-4245-B34F-B8094F6990C8}"/>
          </ac:spMkLst>
        </pc:spChg>
        <pc:spChg chg="add del mod modVis">
          <ac:chgData name="Manuel Lidauer" userId="b55e45dd-c6cc-461d-bef5-835fc172e678" providerId="ADAL" clId="{BCD0C6F6-2D95-4A66-B702-D3858BC1FC00}" dt="2019-09-26T09:33:58.812" v="12932"/>
          <ac:spMkLst>
            <pc:docMk/>
            <pc:sldMk cId="1279582212" sldId="257"/>
            <ac:spMk id="680" creationId="{CDE428C1-5CD9-4C8A-B22B-5E55867390E2}"/>
          </ac:spMkLst>
        </pc:spChg>
        <pc:spChg chg="add del mod modVis">
          <ac:chgData name="Manuel Lidauer" userId="b55e45dd-c6cc-461d-bef5-835fc172e678" providerId="ADAL" clId="{BCD0C6F6-2D95-4A66-B702-D3858BC1FC00}" dt="2019-09-26T09:33:58.813" v="12934"/>
          <ac:spMkLst>
            <pc:docMk/>
            <pc:sldMk cId="1279582212" sldId="257"/>
            <ac:spMk id="681" creationId="{C5C466C2-7E6B-4F33-ADD4-C711F6FBC7EE}"/>
          </ac:spMkLst>
        </pc:spChg>
        <pc:spChg chg="add del mod modVis">
          <ac:chgData name="Manuel Lidauer" userId="b55e45dd-c6cc-461d-bef5-835fc172e678" providerId="ADAL" clId="{BCD0C6F6-2D95-4A66-B702-D3858BC1FC00}" dt="2019-09-26T09:33:58.813" v="12936"/>
          <ac:spMkLst>
            <pc:docMk/>
            <pc:sldMk cId="1279582212" sldId="257"/>
            <ac:spMk id="682" creationId="{6237CD91-F19D-45C0-8D46-B8AE6246913D}"/>
          </ac:spMkLst>
        </pc:spChg>
        <pc:spChg chg="add del mod modVis">
          <ac:chgData name="Manuel Lidauer" userId="b55e45dd-c6cc-461d-bef5-835fc172e678" providerId="ADAL" clId="{BCD0C6F6-2D95-4A66-B702-D3858BC1FC00}" dt="2019-09-26T09:33:58.814" v="12938"/>
          <ac:spMkLst>
            <pc:docMk/>
            <pc:sldMk cId="1279582212" sldId="257"/>
            <ac:spMk id="683" creationId="{BF0AE37F-28D7-4D4A-B283-199BB6BF7BD9}"/>
          </ac:spMkLst>
        </pc:spChg>
        <pc:spChg chg="add del mod modVis">
          <ac:chgData name="Manuel Lidauer" userId="b55e45dd-c6cc-461d-bef5-835fc172e678" providerId="ADAL" clId="{BCD0C6F6-2D95-4A66-B702-D3858BC1FC00}" dt="2019-09-26T09:33:58.815" v="12940"/>
          <ac:spMkLst>
            <pc:docMk/>
            <pc:sldMk cId="1279582212" sldId="257"/>
            <ac:spMk id="684" creationId="{79071003-A1CC-4B53-8532-DA32DD404E57}"/>
          </ac:spMkLst>
        </pc:spChg>
        <pc:spChg chg="add del mod modVis">
          <ac:chgData name="Manuel Lidauer" userId="b55e45dd-c6cc-461d-bef5-835fc172e678" providerId="ADAL" clId="{BCD0C6F6-2D95-4A66-B702-D3858BC1FC00}" dt="2019-09-26T09:33:58.815" v="12942"/>
          <ac:spMkLst>
            <pc:docMk/>
            <pc:sldMk cId="1279582212" sldId="257"/>
            <ac:spMk id="685" creationId="{D39D5CF9-EF44-4BBC-A734-943CDCA7B417}"/>
          </ac:spMkLst>
        </pc:spChg>
        <pc:spChg chg="add del mod modVis">
          <ac:chgData name="Manuel Lidauer" userId="b55e45dd-c6cc-461d-bef5-835fc172e678" providerId="ADAL" clId="{BCD0C6F6-2D95-4A66-B702-D3858BC1FC00}" dt="2019-09-26T09:33:58.816" v="12944"/>
          <ac:spMkLst>
            <pc:docMk/>
            <pc:sldMk cId="1279582212" sldId="257"/>
            <ac:spMk id="686" creationId="{5E42A3B0-397F-416B-8FB8-917B162ECE6E}"/>
          </ac:spMkLst>
        </pc:spChg>
        <pc:spChg chg="add del mod modVis">
          <ac:chgData name="Manuel Lidauer" userId="b55e45dd-c6cc-461d-bef5-835fc172e678" providerId="ADAL" clId="{BCD0C6F6-2D95-4A66-B702-D3858BC1FC00}" dt="2019-09-26T09:33:58.818" v="12946"/>
          <ac:spMkLst>
            <pc:docMk/>
            <pc:sldMk cId="1279582212" sldId="257"/>
            <ac:spMk id="687" creationId="{5DB30B71-8318-46E8-A447-CA087DF44D10}"/>
          </ac:spMkLst>
        </pc:spChg>
        <pc:spChg chg="add del mod modVis">
          <ac:chgData name="Manuel Lidauer" userId="b55e45dd-c6cc-461d-bef5-835fc172e678" providerId="ADAL" clId="{BCD0C6F6-2D95-4A66-B702-D3858BC1FC00}" dt="2019-09-26T09:33:58.818" v="12947"/>
          <ac:spMkLst>
            <pc:docMk/>
            <pc:sldMk cId="1279582212" sldId="257"/>
            <ac:spMk id="688" creationId="{718F2E04-22A6-436D-BC29-385C7BE74E0D}"/>
          </ac:spMkLst>
        </pc:spChg>
        <pc:spChg chg="add del mod modVis">
          <ac:chgData name="Manuel Lidauer" userId="b55e45dd-c6cc-461d-bef5-835fc172e678" providerId="ADAL" clId="{BCD0C6F6-2D95-4A66-B702-D3858BC1FC00}" dt="2019-09-26T09:33:58.819" v="12949"/>
          <ac:spMkLst>
            <pc:docMk/>
            <pc:sldMk cId="1279582212" sldId="257"/>
            <ac:spMk id="689" creationId="{972CF87C-EA95-4540-B5E6-BAB9004C9611}"/>
          </ac:spMkLst>
        </pc:spChg>
        <pc:spChg chg="add del mod modVis">
          <ac:chgData name="Manuel Lidauer" userId="b55e45dd-c6cc-461d-bef5-835fc172e678" providerId="ADAL" clId="{BCD0C6F6-2D95-4A66-B702-D3858BC1FC00}" dt="2019-09-26T09:33:58.819" v="12951"/>
          <ac:spMkLst>
            <pc:docMk/>
            <pc:sldMk cId="1279582212" sldId="257"/>
            <ac:spMk id="690" creationId="{0E5765E7-F071-4992-AA7C-374A5D477314}"/>
          </ac:spMkLst>
        </pc:spChg>
        <pc:spChg chg="add del mod modVis">
          <ac:chgData name="Manuel Lidauer" userId="b55e45dd-c6cc-461d-bef5-835fc172e678" providerId="ADAL" clId="{BCD0C6F6-2D95-4A66-B702-D3858BC1FC00}" dt="2019-09-26T09:33:58.820" v="12953"/>
          <ac:spMkLst>
            <pc:docMk/>
            <pc:sldMk cId="1279582212" sldId="257"/>
            <ac:spMk id="691" creationId="{792D3907-2B90-4CB3-A06C-50BB5F006201}"/>
          </ac:spMkLst>
        </pc:spChg>
        <pc:spChg chg="add del mod modVis">
          <ac:chgData name="Manuel Lidauer" userId="b55e45dd-c6cc-461d-bef5-835fc172e678" providerId="ADAL" clId="{BCD0C6F6-2D95-4A66-B702-D3858BC1FC00}" dt="2019-09-26T09:33:58.821" v="12955"/>
          <ac:spMkLst>
            <pc:docMk/>
            <pc:sldMk cId="1279582212" sldId="257"/>
            <ac:spMk id="692" creationId="{349AECE1-351A-4B3E-876F-09B62DAC894F}"/>
          </ac:spMkLst>
        </pc:spChg>
        <pc:spChg chg="add del mod modVis">
          <ac:chgData name="Manuel Lidauer" userId="b55e45dd-c6cc-461d-bef5-835fc172e678" providerId="ADAL" clId="{BCD0C6F6-2D95-4A66-B702-D3858BC1FC00}" dt="2019-09-26T09:33:58.821" v="12957"/>
          <ac:spMkLst>
            <pc:docMk/>
            <pc:sldMk cId="1279582212" sldId="257"/>
            <ac:spMk id="693" creationId="{7B20E690-F6E3-4DA6-BAC7-CCBDF46821CF}"/>
          </ac:spMkLst>
        </pc:spChg>
        <pc:spChg chg="add del mod modVis">
          <ac:chgData name="Manuel Lidauer" userId="b55e45dd-c6cc-461d-bef5-835fc172e678" providerId="ADAL" clId="{BCD0C6F6-2D95-4A66-B702-D3858BC1FC00}" dt="2019-09-26T09:33:58.822" v="12959"/>
          <ac:spMkLst>
            <pc:docMk/>
            <pc:sldMk cId="1279582212" sldId="257"/>
            <ac:spMk id="694" creationId="{36BB9857-F02E-4C0B-914A-D4D7BBB40428}"/>
          </ac:spMkLst>
        </pc:spChg>
        <pc:spChg chg="add del mod modVis">
          <ac:chgData name="Manuel Lidauer" userId="b55e45dd-c6cc-461d-bef5-835fc172e678" providerId="ADAL" clId="{BCD0C6F6-2D95-4A66-B702-D3858BC1FC00}" dt="2019-09-26T09:33:58.823" v="12961"/>
          <ac:spMkLst>
            <pc:docMk/>
            <pc:sldMk cId="1279582212" sldId="257"/>
            <ac:spMk id="695" creationId="{6DBD51D2-51E9-455E-AF8F-14ED0F740DCA}"/>
          </ac:spMkLst>
        </pc:spChg>
        <pc:spChg chg="add del mod modVis">
          <ac:chgData name="Manuel Lidauer" userId="b55e45dd-c6cc-461d-bef5-835fc172e678" providerId="ADAL" clId="{BCD0C6F6-2D95-4A66-B702-D3858BC1FC00}" dt="2019-09-26T09:33:58.823" v="12962"/>
          <ac:spMkLst>
            <pc:docMk/>
            <pc:sldMk cId="1279582212" sldId="257"/>
            <ac:spMk id="696" creationId="{8CEF11AB-8DCA-429F-A251-2ED00B78FC5B}"/>
          </ac:spMkLst>
        </pc:spChg>
        <pc:spChg chg="add del mod modVis">
          <ac:chgData name="Manuel Lidauer" userId="b55e45dd-c6cc-461d-bef5-835fc172e678" providerId="ADAL" clId="{BCD0C6F6-2D95-4A66-B702-D3858BC1FC00}" dt="2019-09-26T09:33:58.824" v="12964"/>
          <ac:spMkLst>
            <pc:docMk/>
            <pc:sldMk cId="1279582212" sldId="257"/>
            <ac:spMk id="697" creationId="{545D23F3-2C0E-4735-9167-485E8EBEE18A}"/>
          </ac:spMkLst>
        </pc:spChg>
        <pc:spChg chg="add del mod modVis">
          <ac:chgData name="Manuel Lidauer" userId="b55e45dd-c6cc-461d-bef5-835fc172e678" providerId="ADAL" clId="{BCD0C6F6-2D95-4A66-B702-D3858BC1FC00}" dt="2019-09-26T09:33:58.824" v="12966"/>
          <ac:spMkLst>
            <pc:docMk/>
            <pc:sldMk cId="1279582212" sldId="257"/>
            <ac:spMk id="698" creationId="{E8863632-2E3A-4A19-B389-75C4EB2E83B0}"/>
          </ac:spMkLst>
        </pc:spChg>
        <pc:spChg chg="add del mod modVis">
          <ac:chgData name="Manuel Lidauer" userId="b55e45dd-c6cc-461d-bef5-835fc172e678" providerId="ADAL" clId="{BCD0C6F6-2D95-4A66-B702-D3858BC1FC00}" dt="2019-09-26T09:33:58.825" v="12968"/>
          <ac:spMkLst>
            <pc:docMk/>
            <pc:sldMk cId="1279582212" sldId="257"/>
            <ac:spMk id="699" creationId="{01997DA6-9BD1-4CE8-927D-3D5E52F635B8}"/>
          </ac:spMkLst>
        </pc:spChg>
        <pc:spChg chg="add del mod modVis">
          <ac:chgData name="Manuel Lidauer" userId="b55e45dd-c6cc-461d-bef5-835fc172e678" providerId="ADAL" clId="{BCD0C6F6-2D95-4A66-B702-D3858BC1FC00}" dt="2019-09-26T09:33:58.826" v="12970"/>
          <ac:spMkLst>
            <pc:docMk/>
            <pc:sldMk cId="1279582212" sldId="257"/>
            <ac:spMk id="700" creationId="{EA7BE491-27B9-4939-8BEF-BEF0C392C4A2}"/>
          </ac:spMkLst>
        </pc:spChg>
        <pc:spChg chg="add del mod modVis">
          <ac:chgData name="Manuel Lidauer" userId="b55e45dd-c6cc-461d-bef5-835fc172e678" providerId="ADAL" clId="{BCD0C6F6-2D95-4A66-B702-D3858BC1FC00}" dt="2019-09-26T09:33:58.827" v="12972"/>
          <ac:spMkLst>
            <pc:docMk/>
            <pc:sldMk cId="1279582212" sldId="257"/>
            <ac:spMk id="701" creationId="{158548A0-BEF1-412A-B5B1-8E09C3C8E5E9}"/>
          </ac:spMkLst>
        </pc:spChg>
        <pc:spChg chg="add del mod modVis">
          <ac:chgData name="Manuel Lidauer" userId="b55e45dd-c6cc-461d-bef5-835fc172e678" providerId="ADAL" clId="{BCD0C6F6-2D95-4A66-B702-D3858BC1FC00}" dt="2019-09-26T09:33:58.827" v="12974"/>
          <ac:spMkLst>
            <pc:docMk/>
            <pc:sldMk cId="1279582212" sldId="257"/>
            <ac:spMk id="702" creationId="{AD4C8A06-5F6F-43AE-8C4E-094F22EC59A4}"/>
          </ac:spMkLst>
        </pc:spChg>
        <pc:spChg chg="add del mod modVis">
          <ac:chgData name="Manuel Lidauer" userId="b55e45dd-c6cc-461d-bef5-835fc172e678" providerId="ADAL" clId="{BCD0C6F6-2D95-4A66-B702-D3858BC1FC00}" dt="2019-09-26T09:33:58.828" v="12976"/>
          <ac:spMkLst>
            <pc:docMk/>
            <pc:sldMk cId="1279582212" sldId="257"/>
            <ac:spMk id="703" creationId="{CCCAEC51-E1F9-46B4-A2A5-3AC056D710D0}"/>
          </ac:spMkLst>
        </pc:spChg>
        <pc:spChg chg="add del mod modVis">
          <ac:chgData name="Manuel Lidauer" userId="b55e45dd-c6cc-461d-bef5-835fc172e678" providerId="ADAL" clId="{BCD0C6F6-2D95-4A66-B702-D3858BC1FC00}" dt="2019-09-26T09:33:58.829" v="12977"/>
          <ac:spMkLst>
            <pc:docMk/>
            <pc:sldMk cId="1279582212" sldId="257"/>
            <ac:spMk id="704" creationId="{EA319C45-FC24-4555-B655-D2EFF0BB84FB}"/>
          </ac:spMkLst>
        </pc:spChg>
        <pc:spChg chg="add del mod modVis">
          <ac:chgData name="Manuel Lidauer" userId="b55e45dd-c6cc-461d-bef5-835fc172e678" providerId="ADAL" clId="{BCD0C6F6-2D95-4A66-B702-D3858BC1FC00}" dt="2019-09-26T09:33:58.830" v="12979"/>
          <ac:spMkLst>
            <pc:docMk/>
            <pc:sldMk cId="1279582212" sldId="257"/>
            <ac:spMk id="705" creationId="{7554A59E-E490-4F1D-B6DA-D661440677B7}"/>
          </ac:spMkLst>
        </pc:spChg>
        <pc:spChg chg="add del mod modVis">
          <ac:chgData name="Manuel Lidauer" userId="b55e45dd-c6cc-461d-bef5-835fc172e678" providerId="ADAL" clId="{BCD0C6F6-2D95-4A66-B702-D3858BC1FC00}" dt="2019-09-26T09:33:58.830" v="12981"/>
          <ac:spMkLst>
            <pc:docMk/>
            <pc:sldMk cId="1279582212" sldId="257"/>
            <ac:spMk id="706" creationId="{085C80F8-F155-4A4D-ACDA-5DF46BB3211A}"/>
          </ac:spMkLst>
        </pc:spChg>
        <pc:spChg chg="add del mod modVis">
          <ac:chgData name="Manuel Lidauer" userId="b55e45dd-c6cc-461d-bef5-835fc172e678" providerId="ADAL" clId="{BCD0C6F6-2D95-4A66-B702-D3858BC1FC00}" dt="2019-09-26T09:33:58.831" v="12983"/>
          <ac:spMkLst>
            <pc:docMk/>
            <pc:sldMk cId="1279582212" sldId="257"/>
            <ac:spMk id="707" creationId="{BBB5E950-8161-44D3-B1C7-506F6E01D37B}"/>
          </ac:spMkLst>
        </pc:spChg>
        <pc:spChg chg="add del mod modVis">
          <ac:chgData name="Manuel Lidauer" userId="b55e45dd-c6cc-461d-bef5-835fc172e678" providerId="ADAL" clId="{BCD0C6F6-2D95-4A66-B702-D3858BC1FC00}" dt="2019-09-26T09:33:58.832" v="12985"/>
          <ac:spMkLst>
            <pc:docMk/>
            <pc:sldMk cId="1279582212" sldId="257"/>
            <ac:spMk id="708" creationId="{872C0816-0842-4081-AF41-5B5D2EF7180A}"/>
          </ac:spMkLst>
        </pc:spChg>
        <pc:spChg chg="add del mod modVis">
          <ac:chgData name="Manuel Lidauer" userId="b55e45dd-c6cc-461d-bef5-835fc172e678" providerId="ADAL" clId="{BCD0C6F6-2D95-4A66-B702-D3858BC1FC00}" dt="2019-09-26T09:33:58.832" v="12987"/>
          <ac:spMkLst>
            <pc:docMk/>
            <pc:sldMk cId="1279582212" sldId="257"/>
            <ac:spMk id="709" creationId="{7520BF49-11F6-4627-BBEB-EEB62B841E9A}"/>
          </ac:spMkLst>
        </pc:spChg>
        <pc:spChg chg="add del mod modVis">
          <ac:chgData name="Manuel Lidauer" userId="b55e45dd-c6cc-461d-bef5-835fc172e678" providerId="ADAL" clId="{BCD0C6F6-2D95-4A66-B702-D3858BC1FC00}" dt="2019-09-26T09:33:58.833" v="12989"/>
          <ac:spMkLst>
            <pc:docMk/>
            <pc:sldMk cId="1279582212" sldId="257"/>
            <ac:spMk id="710" creationId="{BFE807B6-0E7B-44A6-ABE2-3D2355258C87}"/>
          </ac:spMkLst>
        </pc:spChg>
        <pc:spChg chg="add del mod modVis">
          <ac:chgData name="Manuel Lidauer" userId="b55e45dd-c6cc-461d-bef5-835fc172e678" providerId="ADAL" clId="{BCD0C6F6-2D95-4A66-B702-D3858BC1FC00}" dt="2019-09-26T09:33:58.834" v="12991"/>
          <ac:spMkLst>
            <pc:docMk/>
            <pc:sldMk cId="1279582212" sldId="257"/>
            <ac:spMk id="711" creationId="{D4AAB089-C1B5-441B-AB70-F986BE68966F}"/>
          </ac:spMkLst>
        </pc:spChg>
        <pc:spChg chg="add del mod modVis">
          <ac:chgData name="Manuel Lidauer" userId="b55e45dd-c6cc-461d-bef5-835fc172e678" providerId="ADAL" clId="{BCD0C6F6-2D95-4A66-B702-D3858BC1FC00}" dt="2019-09-26T09:33:58.835" v="12992"/>
          <ac:spMkLst>
            <pc:docMk/>
            <pc:sldMk cId="1279582212" sldId="257"/>
            <ac:spMk id="712" creationId="{F7E83C6C-CF96-413D-80F2-E46D1A0352D4}"/>
          </ac:spMkLst>
        </pc:spChg>
        <pc:spChg chg="add del mod modVis">
          <ac:chgData name="Manuel Lidauer" userId="b55e45dd-c6cc-461d-bef5-835fc172e678" providerId="ADAL" clId="{BCD0C6F6-2D95-4A66-B702-D3858BC1FC00}" dt="2019-09-26T09:33:58.836" v="12994"/>
          <ac:spMkLst>
            <pc:docMk/>
            <pc:sldMk cId="1279582212" sldId="257"/>
            <ac:spMk id="713" creationId="{89C6E023-17DC-4EBF-A2B5-764A8422CBE8}"/>
          </ac:spMkLst>
        </pc:spChg>
        <pc:spChg chg="add del mod modVis">
          <ac:chgData name="Manuel Lidauer" userId="b55e45dd-c6cc-461d-bef5-835fc172e678" providerId="ADAL" clId="{BCD0C6F6-2D95-4A66-B702-D3858BC1FC00}" dt="2019-09-26T09:33:58.837" v="12996"/>
          <ac:spMkLst>
            <pc:docMk/>
            <pc:sldMk cId="1279582212" sldId="257"/>
            <ac:spMk id="714" creationId="{74B4A9D1-EE91-4878-BA8B-A4E832C45E6A}"/>
          </ac:spMkLst>
        </pc:spChg>
        <pc:spChg chg="add del mod modVis">
          <ac:chgData name="Manuel Lidauer" userId="b55e45dd-c6cc-461d-bef5-835fc172e678" providerId="ADAL" clId="{BCD0C6F6-2D95-4A66-B702-D3858BC1FC00}" dt="2019-09-26T09:33:58.837" v="12998"/>
          <ac:spMkLst>
            <pc:docMk/>
            <pc:sldMk cId="1279582212" sldId="257"/>
            <ac:spMk id="715" creationId="{3BF23A0C-521C-427D-9AA4-37F31830260F}"/>
          </ac:spMkLst>
        </pc:spChg>
        <pc:spChg chg="add del mod modVis">
          <ac:chgData name="Manuel Lidauer" userId="b55e45dd-c6cc-461d-bef5-835fc172e678" providerId="ADAL" clId="{BCD0C6F6-2D95-4A66-B702-D3858BC1FC00}" dt="2019-09-26T09:33:58.838" v="13000"/>
          <ac:spMkLst>
            <pc:docMk/>
            <pc:sldMk cId="1279582212" sldId="257"/>
            <ac:spMk id="716" creationId="{181B8DEF-1A09-45EF-A69F-67E30DE4D2C5}"/>
          </ac:spMkLst>
        </pc:spChg>
        <pc:spChg chg="add del mod modVis">
          <ac:chgData name="Manuel Lidauer" userId="b55e45dd-c6cc-461d-bef5-835fc172e678" providerId="ADAL" clId="{BCD0C6F6-2D95-4A66-B702-D3858BC1FC00}" dt="2019-09-26T09:33:58.839" v="13002"/>
          <ac:spMkLst>
            <pc:docMk/>
            <pc:sldMk cId="1279582212" sldId="257"/>
            <ac:spMk id="717" creationId="{34DFFC6E-974B-495C-9A61-4F65FAE15A4D}"/>
          </ac:spMkLst>
        </pc:spChg>
        <pc:spChg chg="add del mod modVis">
          <ac:chgData name="Manuel Lidauer" userId="b55e45dd-c6cc-461d-bef5-835fc172e678" providerId="ADAL" clId="{BCD0C6F6-2D95-4A66-B702-D3858BC1FC00}" dt="2019-09-26T09:33:58.839" v="13004"/>
          <ac:spMkLst>
            <pc:docMk/>
            <pc:sldMk cId="1279582212" sldId="257"/>
            <ac:spMk id="718" creationId="{84C9CC2C-B4BD-42B7-9313-55A6FD67B1C3}"/>
          </ac:spMkLst>
        </pc:spChg>
        <pc:spChg chg="add del mod modVis">
          <ac:chgData name="Manuel Lidauer" userId="b55e45dd-c6cc-461d-bef5-835fc172e678" providerId="ADAL" clId="{BCD0C6F6-2D95-4A66-B702-D3858BC1FC00}" dt="2019-09-26T09:33:58.840" v="13006"/>
          <ac:spMkLst>
            <pc:docMk/>
            <pc:sldMk cId="1279582212" sldId="257"/>
            <ac:spMk id="719" creationId="{075CA7C5-4CB9-4EB9-BDC7-927AB539193D}"/>
          </ac:spMkLst>
        </pc:spChg>
        <pc:spChg chg="add del mod modVis">
          <ac:chgData name="Manuel Lidauer" userId="b55e45dd-c6cc-461d-bef5-835fc172e678" providerId="ADAL" clId="{BCD0C6F6-2D95-4A66-B702-D3858BC1FC00}" dt="2019-09-26T09:36:15.818" v="25082"/>
          <ac:spMkLst>
            <pc:docMk/>
            <pc:sldMk cId="1279582212" sldId="257"/>
            <ac:spMk id="720" creationId="{34236EB9-9F4C-486F-B3D2-DF4566AD4AB8}"/>
          </ac:spMkLst>
        </pc:spChg>
        <pc:spChg chg="add del mod modVis">
          <ac:chgData name="Manuel Lidauer" userId="b55e45dd-c6cc-461d-bef5-835fc172e678" providerId="ADAL" clId="{BCD0C6F6-2D95-4A66-B702-D3858BC1FC00}" dt="2019-09-26T09:36:15.818" v="25084"/>
          <ac:spMkLst>
            <pc:docMk/>
            <pc:sldMk cId="1279582212" sldId="257"/>
            <ac:spMk id="721" creationId="{D3991153-D65B-45D9-849D-9347C654FCA5}"/>
          </ac:spMkLst>
        </pc:spChg>
        <pc:spChg chg="add del mod modVis">
          <ac:chgData name="Manuel Lidauer" userId="b55e45dd-c6cc-461d-bef5-835fc172e678" providerId="ADAL" clId="{BCD0C6F6-2D95-4A66-B702-D3858BC1FC00}" dt="2019-09-26T09:36:15.819" v="25085"/>
          <ac:spMkLst>
            <pc:docMk/>
            <pc:sldMk cId="1279582212" sldId="257"/>
            <ac:spMk id="722" creationId="{235C8617-DC01-4F9D-B842-783BFD7AC017}"/>
          </ac:spMkLst>
        </pc:spChg>
        <pc:spChg chg="add del mod modVis">
          <ac:chgData name="Manuel Lidauer" userId="b55e45dd-c6cc-461d-bef5-835fc172e678" providerId="ADAL" clId="{BCD0C6F6-2D95-4A66-B702-D3858BC1FC00}" dt="2019-09-26T09:36:15.819" v="25086"/>
          <ac:spMkLst>
            <pc:docMk/>
            <pc:sldMk cId="1279582212" sldId="257"/>
            <ac:spMk id="723" creationId="{456F49F0-CA80-461D-8689-0CF954E9AB08}"/>
          </ac:spMkLst>
        </pc:spChg>
        <pc:spChg chg="add del mod modVis">
          <ac:chgData name="Manuel Lidauer" userId="b55e45dd-c6cc-461d-bef5-835fc172e678" providerId="ADAL" clId="{BCD0C6F6-2D95-4A66-B702-D3858BC1FC00}" dt="2019-09-26T09:36:15.820" v="25087"/>
          <ac:spMkLst>
            <pc:docMk/>
            <pc:sldMk cId="1279582212" sldId="257"/>
            <ac:spMk id="724" creationId="{3C4E322A-DD9F-4780-87D2-8FAA3E938972}"/>
          </ac:spMkLst>
        </pc:spChg>
        <pc:spChg chg="add del mod modVis">
          <ac:chgData name="Manuel Lidauer" userId="b55e45dd-c6cc-461d-bef5-835fc172e678" providerId="ADAL" clId="{BCD0C6F6-2D95-4A66-B702-D3858BC1FC00}" dt="2019-09-26T09:36:15.821" v="25089"/>
          <ac:spMkLst>
            <pc:docMk/>
            <pc:sldMk cId="1279582212" sldId="257"/>
            <ac:spMk id="725" creationId="{BA3A07CB-228D-4DC4-A95D-30A2432BCB8C}"/>
          </ac:spMkLst>
        </pc:spChg>
        <pc:spChg chg="add del mod modVis">
          <ac:chgData name="Manuel Lidauer" userId="b55e45dd-c6cc-461d-bef5-835fc172e678" providerId="ADAL" clId="{BCD0C6F6-2D95-4A66-B702-D3858BC1FC00}" dt="2019-09-26T09:36:15.822" v="25091"/>
          <ac:spMkLst>
            <pc:docMk/>
            <pc:sldMk cId="1279582212" sldId="257"/>
            <ac:spMk id="726" creationId="{42557959-390F-4794-A0B0-649696E6DB08}"/>
          </ac:spMkLst>
        </pc:spChg>
        <pc:spChg chg="add del mod modVis">
          <ac:chgData name="Manuel Lidauer" userId="b55e45dd-c6cc-461d-bef5-835fc172e678" providerId="ADAL" clId="{BCD0C6F6-2D95-4A66-B702-D3858BC1FC00}" dt="2019-09-26T09:36:15.823" v="25095"/>
          <ac:spMkLst>
            <pc:docMk/>
            <pc:sldMk cId="1279582212" sldId="257"/>
            <ac:spMk id="728" creationId="{A232CB7F-3D30-49BA-A7D9-10F0E349954A}"/>
          </ac:spMkLst>
        </pc:spChg>
        <pc:spChg chg="add del mod modVis">
          <ac:chgData name="Manuel Lidauer" userId="b55e45dd-c6cc-461d-bef5-835fc172e678" providerId="ADAL" clId="{BCD0C6F6-2D95-4A66-B702-D3858BC1FC00}" dt="2019-09-26T09:36:15.825" v="25099"/>
          <ac:spMkLst>
            <pc:docMk/>
            <pc:sldMk cId="1279582212" sldId="257"/>
            <ac:spMk id="730" creationId="{A3AE349A-863F-4649-BD36-EA2797D8941F}"/>
          </ac:spMkLst>
        </pc:spChg>
        <pc:spChg chg="add del mod modVis">
          <ac:chgData name="Manuel Lidauer" userId="b55e45dd-c6cc-461d-bef5-835fc172e678" providerId="ADAL" clId="{BCD0C6F6-2D95-4A66-B702-D3858BC1FC00}" dt="2019-09-26T09:36:15.826" v="25103"/>
          <ac:spMkLst>
            <pc:docMk/>
            <pc:sldMk cId="1279582212" sldId="257"/>
            <ac:spMk id="732" creationId="{E04721A6-F2FD-4C07-BC21-C2DF748804CC}"/>
          </ac:spMkLst>
        </pc:spChg>
        <pc:spChg chg="add del mod modVis">
          <ac:chgData name="Manuel Lidauer" userId="b55e45dd-c6cc-461d-bef5-835fc172e678" providerId="ADAL" clId="{BCD0C6F6-2D95-4A66-B702-D3858BC1FC00}" dt="2019-09-26T09:36:15.828" v="25107"/>
          <ac:spMkLst>
            <pc:docMk/>
            <pc:sldMk cId="1279582212" sldId="257"/>
            <ac:spMk id="734" creationId="{7FAD75FD-2C7C-41E3-AA48-E72AD5A1C44A}"/>
          </ac:spMkLst>
        </pc:spChg>
        <pc:spChg chg="add del mod modVis">
          <ac:chgData name="Manuel Lidauer" userId="b55e45dd-c6cc-461d-bef5-835fc172e678" providerId="ADAL" clId="{BCD0C6F6-2D95-4A66-B702-D3858BC1FC00}" dt="2019-09-26T09:36:15.829" v="25111"/>
          <ac:spMkLst>
            <pc:docMk/>
            <pc:sldMk cId="1279582212" sldId="257"/>
            <ac:spMk id="736" creationId="{63E14538-E7A5-4DF2-86E0-84D477B42D8D}"/>
          </ac:spMkLst>
        </pc:spChg>
        <pc:spChg chg="add del mod modVis">
          <ac:chgData name="Manuel Lidauer" userId="b55e45dd-c6cc-461d-bef5-835fc172e678" providerId="ADAL" clId="{BCD0C6F6-2D95-4A66-B702-D3858BC1FC00}" dt="2019-09-26T09:36:15.830" v="25115"/>
          <ac:spMkLst>
            <pc:docMk/>
            <pc:sldMk cId="1279582212" sldId="257"/>
            <ac:spMk id="738" creationId="{5EF53F2D-17B1-44ED-9D12-2F5BA495D8AA}"/>
          </ac:spMkLst>
        </pc:spChg>
        <pc:spChg chg="add del mod modVis">
          <ac:chgData name="Manuel Lidauer" userId="b55e45dd-c6cc-461d-bef5-835fc172e678" providerId="ADAL" clId="{BCD0C6F6-2D95-4A66-B702-D3858BC1FC00}" dt="2019-09-26T09:36:15.832" v="25119"/>
          <ac:spMkLst>
            <pc:docMk/>
            <pc:sldMk cId="1279582212" sldId="257"/>
            <ac:spMk id="740" creationId="{BA9691A6-68D7-48F7-9A89-7ACA84F9495D}"/>
          </ac:spMkLst>
        </pc:spChg>
        <pc:spChg chg="add del mod modVis">
          <ac:chgData name="Manuel Lidauer" userId="b55e45dd-c6cc-461d-bef5-835fc172e678" providerId="ADAL" clId="{BCD0C6F6-2D95-4A66-B702-D3858BC1FC00}" dt="2019-09-26T09:36:15.833" v="25123"/>
          <ac:spMkLst>
            <pc:docMk/>
            <pc:sldMk cId="1279582212" sldId="257"/>
            <ac:spMk id="742" creationId="{C4A32E5F-7FB5-4AA0-B640-258C01C6ECB5}"/>
          </ac:spMkLst>
        </pc:spChg>
        <pc:spChg chg="add del mod modVis">
          <ac:chgData name="Manuel Lidauer" userId="b55e45dd-c6cc-461d-bef5-835fc172e678" providerId="ADAL" clId="{BCD0C6F6-2D95-4A66-B702-D3858BC1FC00}" dt="2019-09-26T09:36:15.834" v="25125"/>
          <ac:spMkLst>
            <pc:docMk/>
            <pc:sldMk cId="1279582212" sldId="257"/>
            <ac:spMk id="783" creationId="{FBE6837C-0943-4C71-8C82-E3CC6251BE47}"/>
          </ac:spMkLst>
        </pc:spChg>
        <pc:spChg chg="add del mod modVis">
          <ac:chgData name="Manuel Lidauer" userId="b55e45dd-c6cc-461d-bef5-835fc172e678" providerId="ADAL" clId="{BCD0C6F6-2D95-4A66-B702-D3858BC1FC00}" dt="2019-09-26T09:36:15.834" v="25127"/>
          <ac:spMkLst>
            <pc:docMk/>
            <pc:sldMk cId="1279582212" sldId="257"/>
            <ac:spMk id="784" creationId="{6AAE78CA-6E0B-4913-8F78-22ABEE8C917D}"/>
          </ac:spMkLst>
        </pc:spChg>
        <pc:spChg chg="add del mod modVis">
          <ac:chgData name="Manuel Lidauer" userId="b55e45dd-c6cc-461d-bef5-835fc172e678" providerId="ADAL" clId="{BCD0C6F6-2D95-4A66-B702-D3858BC1FC00}" dt="2019-09-26T09:36:15.835" v="25128"/>
          <ac:spMkLst>
            <pc:docMk/>
            <pc:sldMk cId="1279582212" sldId="257"/>
            <ac:spMk id="785" creationId="{38B14E0F-7273-4239-8371-5FCB20E8FBC1}"/>
          </ac:spMkLst>
        </pc:spChg>
        <pc:spChg chg="add del mod modVis">
          <ac:chgData name="Manuel Lidauer" userId="b55e45dd-c6cc-461d-bef5-835fc172e678" providerId="ADAL" clId="{BCD0C6F6-2D95-4A66-B702-D3858BC1FC00}" dt="2019-09-26T09:36:15.835" v="25130"/>
          <ac:spMkLst>
            <pc:docMk/>
            <pc:sldMk cId="1279582212" sldId="257"/>
            <ac:spMk id="786" creationId="{85C90213-8E25-48B2-BD4E-C45BDE30AE5B}"/>
          </ac:spMkLst>
        </pc:spChg>
        <pc:spChg chg="add del mod modVis">
          <ac:chgData name="Manuel Lidauer" userId="b55e45dd-c6cc-461d-bef5-835fc172e678" providerId="ADAL" clId="{BCD0C6F6-2D95-4A66-B702-D3858BC1FC00}" dt="2019-09-26T09:36:15.836" v="25132"/>
          <ac:spMkLst>
            <pc:docMk/>
            <pc:sldMk cId="1279582212" sldId="257"/>
            <ac:spMk id="787" creationId="{AADB8075-36E6-44AC-A651-7EFD7C10224B}"/>
          </ac:spMkLst>
        </pc:spChg>
        <pc:spChg chg="add del mod modVis">
          <ac:chgData name="Manuel Lidauer" userId="b55e45dd-c6cc-461d-bef5-835fc172e678" providerId="ADAL" clId="{BCD0C6F6-2D95-4A66-B702-D3858BC1FC00}" dt="2019-09-26T09:36:15.837" v="25133"/>
          <ac:spMkLst>
            <pc:docMk/>
            <pc:sldMk cId="1279582212" sldId="257"/>
            <ac:spMk id="788" creationId="{81EFAB14-FDB1-4320-B85E-8079163B2C60}"/>
          </ac:spMkLst>
        </pc:spChg>
        <pc:spChg chg="add del mod modVis">
          <ac:chgData name="Manuel Lidauer" userId="b55e45dd-c6cc-461d-bef5-835fc172e678" providerId="ADAL" clId="{BCD0C6F6-2D95-4A66-B702-D3858BC1FC00}" dt="2019-09-26T09:36:15.837" v="25135"/>
          <ac:spMkLst>
            <pc:docMk/>
            <pc:sldMk cId="1279582212" sldId="257"/>
            <ac:spMk id="789" creationId="{6E02FA98-4C97-4DD0-9382-5837BF3C73A5}"/>
          </ac:spMkLst>
        </pc:spChg>
        <pc:spChg chg="add del mod modVis">
          <ac:chgData name="Manuel Lidauer" userId="b55e45dd-c6cc-461d-bef5-835fc172e678" providerId="ADAL" clId="{BCD0C6F6-2D95-4A66-B702-D3858BC1FC00}" dt="2019-09-26T09:36:15.838" v="25137"/>
          <ac:spMkLst>
            <pc:docMk/>
            <pc:sldMk cId="1279582212" sldId="257"/>
            <ac:spMk id="790" creationId="{493FDE4F-0EB8-4EFC-9671-9787EB796066}"/>
          </ac:spMkLst>
        </pc:spChg>
        <pc:spChg chg="add del mod modVis">
          <ac:chgData name="Manuel Lidauer" userId="b55e45dd-c6cc-461d-bef5-835fc172e678" providerId="ADAL" clId="{BCD0C6F6-2D95-4A66-B702-D3858BC1FC00}" dt="2019-09-26T09:36:15.839" v="25138"/>
          <ac:spMkLst>
            <pc:docMk/>
            <pc:sldMk cId="1279582212" sldId="257"/>
            <ac:spMk id="791" creationId="{FAE4EE0A-D9F1-44E4-BF37-CDE7974F7719}"/>
          </ac:spMkLst>
        </pc:spChg>
        <pc:spChg chg="add del mod modVis">
          <ac:chgData name="Manuel Lidauer" userId="b55e45dd-c6cc-461d-bef5-835fc172e678" providerId="ADAL" clId="{BCD0C6F6-2D95-4A66-B702-D3858BC1FC00}" dt="2019-09-26T09:36:15.840" v="25140"/>
          <ac:spMkLst>
            <pc:docMk/>
            <pc:sldMk cId="1279582212" sldId="257"/>
            <ac:spMk id="792" creationId="{7D91D9EB-979C-4903-B295-CCA5F14934A5}"/>
          </ac:spMkLst>
        </pc:spChg>
        <pc:spChg chg="add del mod modVis">
          <ac:chgData name="Manuel Lidauer" userId="b55e45dd-c6cc-461d-bef5-835fc172e678" providerId="ADAL" clId="{BCD0C6F6-2D95-4A66-B702-D3858BC1FC00}" dt="2019-09-26T09:36:15.841" v="25142"/>
          <ac:spMkLst>
            <pc:docMk/>
            <pc:sldMk cId="1279582212" sldId="257"/>
            <ac:spMk id="793" creationId="{6604790D-2250-42A3-A3EE-3A7D33CCE437}"/>
          </ac:spMkLst>
        </pc:spChg>
        <pc:spChg chg="add del mod modVis">
          <ac:chgData name="Manuel Lidauer" userId="b55e45dd-c6cc-461d-bef5-835fc172e678" providerId="ADAL" clId="{BCD0C6F6-2D95-4A66-B702-D3858BC1FC00}" dt="2019-09-26T09:36:15.841" v="25143"/>
          <ac:spMkLst>
            <pc:docMk/>
            <pc:sldMk cId="1279582212" sldId="257"/>
            <ac:spMk id="794" creationId="{7C15C3D5-A9C6-4B54-83E6-635EA45DCA93}"/>
          </ac:spMkLst>
        </pc:spChg>
        <pc:spChg chg="add del mod modVis">
          <ac:chgData name="Manuel Lidauer" userId="b55e45dd-c6cc-461d-bef5-835fc172e678" providerId="ADAL" clId="{BCD0C6F6-2D95-4A66-B702-D3858BC1FC00}" dt="2019-09-26T09:36:15.842" v="25145"/>
          <ac:spMkLst>
            <pc:docMk/>
            <pc:sldMk cId="1279582212" sldId="257"/>
            <ac:spMk id="795" creationId="{755339B5-EA25-4124-A31C-6812D372EE4A}"/>
          </ac:spMkLst>
        </pc:spChg>
        <pc:spChg chg="add del mod modVis">
          <ac:chgData name="Manuel Lidauer" userId="b55e45dd-c6cc-461d-bef5-835fc172e678" providerId="ADAL" clId="{BCD0C6F6-2D95-4A66-B702-D3858BC1FC00}" dt="2019-09-26T09:36:15.843" v="25147"/>
          <ac:spMkLst>
            <pc:docMk/>
            <pc:sldMk cId="1279582212" sldId="257"/>
            <ac:spMk id="796" creationId="{885EA96C-C557-46F5-B733-98179BDEAA1B}"/>
          </ac:spMkLst>
        </pc:spChg>
        <pc:spChg chg="add del mod modVis">
          <ac:chgData name="Manuel Lidauer" userId="b55e45dd-c6cc-461d-bef5-835fc172e678" providerId="ADAL" clId="{BCD0C6F6-2D95-4A66-B702-D3858BC1FC00}" dt="2019-09-26T09:36:15.843" v="25148"/>
          <ac:spMkLst>
            <pc:docMk/>
            <pc:sldMk cId="1279582212" sldId="257"/>
            <ac:spMk id="797" creationId="{BBEC4ED2-B5B9-455D-92C7-389055F0B027}"/>
          </ac:spMkLst>
        </pc:spChg>
        <pc:spChg chg="add del mod modVis">
          <ac:chgData name="Manuel Lidauer" userId="b55e45dd-c6cc-461d-bef5-835fc172e678" providerId="ADAL" clId="{BCD0C6F6-2D95-4A66-B702-D3858BC1FC00}" dt="2019-09-26T09:36:15.844" v="25150"/>
          <ac:spMkLst>
            <pc:docMk/>
            <pc:sldMk cId="1279582212" sldId="257"/>
            <ac:spMk id="798" creationId="{2B3985CA-E485-4678-BCAB-35279C424583}"/>
          </ac:spMkLst>
        </pc:spChg>
        <pc:spChg chg="add del mod modVis">
          <ac:chgData name="Manuel Lidauer" userId="b55e45dd-c6cc-461d-bef5-835fc172e678" providerId="ADAL" clId="{BCD0C6F6-2D95-4A66-B702-D3858BC1FC00}" dt="2019-09-26T09:36:15.844" v="25152"/>
          <ac:spMkLst>
            <pc:docMk/>
            <pc:sldMk cId="1279582212" sldId="257"/>
            <ac:spMk id="799" creationId="{4D4A4693-0A54-4102-92C4-EFE6B37F7D0C}"/>
          </ac:spMkLst>
        </pc:spChg>
        <pc:spChg chg="add del mod modVis">
          <ac:chgData name="Manuel Lidauer" userId="b55e45dd-c6cc-461d-bef5-835fc172e678" providerId="ADAL" clId="{BCD0C6F6-2D95-4A66-B702-D3858BC1FC00}" dt="2019-09-26T09:36:15.845" v="25153"/>
          <ac:spMkLst>
            <pc:docMk/>
            <pc:sldMk cId="1279582212" sldId="257"/>
            <ac:spMk id="800" creationId="{366F1AEB-19E0-4774-993F-2A2271C4FC4E}"/>
          </ac:spMkLst>
        </pc:spChg>
        <pc:spChg chg="add del mod modVis">
          <ac:chgData name="Manuel Lidauer" userId="b55e45dd-c6cc-461d-bef5-835fc172e678" providerId="ADAL" clId="{BCD0C6F6-2D95-4A66-B702-D3858BC1FC00}" dt="2019-09-26T09:36:15.845" v="25154"/>
          <ac:spMkLst>
            <pc:docMk/>
            <pc:sldMk cId="1279582212" sldId="257"/>
            <ac:spMk id="801" creationId="{74885F77-2597-4332-8F80-E0B449A73678}"/>
          </ac:spMkLst>
        </pc:spChg>
        <pc:spChg chg="add del mod modVis">
          <ac:chgData name="Manuel Lidauer" userId="b55e45dd-c6cc-461d-bef5-835fc172e678" providerId="ADAL" clId="{BCD0C6F6-2D95-4A66-B702-D3858BC1FC00}" dt="2019-09-26T09:36:15.846" v="25156"/>
          <ac:spMkLst>
            <pc:docMk/>
            <pc:sldMk cId="1279582212" sldId="257"/>
            <ac:spMk id="802" creationId="{9F2D87DE-6A2A-40CC-B0F6-F70B3EBBE59D}"/>
          </ac:spMkLst>
        </pc:spChg>
        <pc:spChg chg="add del mod modVis">
          <ac:chgData name="Manuel Lidauer" userId="b55e45dd-c6cc-461d-bef5-835fc172e678" providerId="ADAL" clId="{BCD0C6F6-2D95-4A66-B702-D3858BC1FC00}" dt="2019-09-26T09:36:15.846" v="25158"/>
          <ac:spMkLst>
            <pc:docMk/>
            <pc:sldMk cId="1279582212" sldId="257"/>
            <ac:spMk id="803" creationId="{51ECA57E-6C74-46F3-9236-8E4A1D2F1B5D}"/>
          </ac:spMkLst>
        </pc:spChg>
        <pc:spChg chg="add del mod modVis">
          <ac:chgData name="Manuel Lidauer" userId="b55e45dd-c6cc-461d-bef5-835fc172e678" providerId="ADAL" clId="{BCD0C6F6-2D95-4A66-B702-D3858BC1FC00}" dt="2019-09-26T09:36:15.847" v="25160"/>
          <ac:spMkLst>
            <pc:docMk/>
            <pc:sldMk cId="1279582212" sldId="257"/>
            <ac:spMk id="804" creationId="{069AD8D4-C721-4D35-8C78-FBEAEB20FD36}"/>
          </ac:spMkLst>
        </pc:spChg>
        <pc:spChg chg="add del mod modVis">
          <ac:chgData name="Manuel Lidauer" userId="b55e45dd-c6cc-461d-bef5-835fc172e678" providerId="ADAL" clId="{BCD0C6F6-2D95-4A66-B702-D3858BC1FC00}" dt="2019-09-26T09:36:15.848" v="25162"/>
          <ac:spMkLst>
            <pc:docMk/>
            <pc:sldMk cId="1279582212" sldId="257"/>
            <ac:spMk id="805" creationId="{2B0579F1-E2FD-40EF-9C32-8A242797426B}"/>
          </ac:spMkLst>
        </pc:spChg>
        <pc:spChg chg="add del mod modVis">
          <ac:chgData name="Manuel Lidauer" userId="b55e45dd-c6cc-461d-bef5-835fc172e678" providerId="ADAL" clId="{BCD0C6F6-2D95-4A66-B702-D3858BC1FC00}" dt="2019-09-26T09:36:15.848" v="25164"/>
          <ac:spMkLst>
            <pc:docMk/>
            <pc:sldMk cId="1279582212" sldId="257"/>
            <ac:spMk id="806" creationId="{ED710234-3E80-4E2C-AAB4-28AD13EB31D8}"/>
          </ac:spMkLst>
        </pc:spChg>
        <pc:spChg chg="add del mod modVis">
          <ac:chgData name="Manuel Lidauer" userId="b55e45dd-c6cc-461d-bef5-835fc172e678" providerId="ADAL" clId="{BCD0C6F6-2D95-4A66-B702-D3858BC1FC00}" dt="2019-09-26T09:36:15.849" v="25166"/>
          <ac:spMkLst>
            <pc:docMk/>
            <pc:sldMk cId="1279582212" sldId="257"/>
            <ac:spMk id="807" creationId="{2C873704-10F0-4B7C-B612-4534CA839ADF}"/>
          </ac:spMkLst>
        </pc:spChg>
        <pc:spChg chg="add del mod modVis">
          <ac:chgData name="Manuel Lidauer" userId="b55e45dd-c6cc-461d-bef5-835fc172e678" providerId="ADAL" clId="{BCD0C6F6-2D95-4A66-B702-D3858BC1FC00}" dt="2019-09-26T09:36:15.850" v="25168"/>
          <ac:spMkLst>
            <pc:docMk/>
            <pc:sldMk cId="1279582212" sldId="257"/>
            <ac:spMk id="808" creationId="{58B3A5A7-A73E-487B-8F47-0A244F206CF7}"/>
          </ac:spMkLst>
        </pc:spChg>
        <pc:spChg chg="add del mod modVis">
          <ac:chgData name="Manuel Lidauer" userId="b55e45dd-c6cc-461d-bef5-835fc172e678" providerId="ADAL" clId="{BCD0C6F6-2D95-4A66-B702-D3858BC1FC00}" dt="2019-09-26T09:36:15.850" v="25169"/>
          <ac:spMkLst>
            <pc:docMk/>
            <pc:sldMk cId="1279582212" sldId="257"/>
            <ac:spMk id="809" creationId="{08F7C2C0-0908-48A4-BE1C-8FD1732C57C8}"/>
          </ac:spMkLst>
        </pc:spChg>
        <pc:spChg chg="add del mod modVis">
          <ac:chgData name="Manuel Lidauer" userId="b55e45dd-c6cc-461d-bef5-835fc172e678" providerId="ADAL" clId="{BCD0C6F6-2D95-4A66-B702-D3858BC1FC00}" dt="2019-09-26T09:36:15.851" v="25171"/>
          <ac:spMkLst>
            <pc:docMk/>
            <pc:sldMk cId="1279582212" sldId="257"/>
            <ac:spMk id="810" creationId="{C32D12F7-B718-4E06-8404-1ACE68E265F4}"/>
          </ac:spMkLst>
        </pc:spChg>
        <pc:spChg chg="add del mod modVis">
          <ac:chgData name="Manuel Lidauer" userId="b55e45dd-c6cc-461d-bef5-835fc172e678" providerId="ADAL" clId="{BCD0C6F6-2D95-4A66-B702-D3858BC1FC00}" dt="2019-09-26T09:36:15.851" v="25173"/>
          <ac:spMkLst>
            <pc:docMk/>
            <pc:sldMk cId="1279582212" sldId="257"/>
            <ac:spMk id="811" creationId="{2D032D28-A3BB-4979-B7E1-FA8FAE0563D4}"/>
          </ac:spMkLst>
        </pc:spChg>
        <pc:spChg chg="add del mod modVis">
          <ac:chgData name="Manuel Lidauer" userId="b55e45dd-c6cc-461d-bef5-835fc172e678" providerId="ADAL" clId="{BCD0C6F6-2D95-4A66-B702-D3858BC1FC00}" dt="2019-09-26T09:36:15.852" v="25175"/>
          <ac:spMkLst>
            <pc:docMk/>
            <pc:sldMk cId="1279582212" sldId="257"/>
            <ac:spMk id="812" creationId="{449A976C-B9B5-497C-80E2-AEAF981CF34A}"/>
          </ac:spMkLst>
        </pc:spChg>
        <pc:spChg chg="add del mod modVis">
          <ac:chgData name="Manuel Lidauer" userId="b55e45dd-c6cc-461d-bef5-835fc172e678" providerId="ADAL" clId="{BCD0C6F6-2D95-4A66-B702-D3858BC1FC00}" dt="2019-09-26T09:36:15.853" v="25177"/>
          <ac:spMkLst>
            <pc:docMk/>
            <pc:sldMk cId="1279582212" sldId="257"/>
            <ac:spMk id="813" creationId="{EFFDFBDC-8140-4BDD-A6EC-943371D577BB}"/>
          </ac:spMkLst>
        </pc:spChg>
        <pc:spChg chg="add del mod modVis">
          <ac:chgData name="Manuel Lidauer" userId="b55e45dd-c6cc-461d-bef5-835fc172e678" providerId="ADAL" clId="{BCD0C6F6-2D95-4A66-B702-D3858BC1FC00}" dt="2019-09-26T09:36:15.854" v="25179"/>
          <ac:spMkLst>
            <pc:docMk/>
            <pc:sldMk cId="1279582212" sldId="257"/>
            <ac:spMk id="814" creationId="{0CB99393-E02B-4AA0-AB8E-E956BADF088C}"/>
          </ac:spMkLst>
        </pc:spChg>
        <pc:spChg chg="add del mod modVis">
          <ac:chgData name="Manuel Lidauer" userId="b55e45dd-c6cc-461d-bef5-835fc172e678" providerId="ADAL" clId="{BCD0C6F6-2D95-4A66-B702-D3858BC1FC00}" dt="2019-09-26T09:36:15.855" v="25181"/>
          <ac:spMkLst>
            <pc:docMk/>
            <pc:sldMk cId="1279582212" sldId="257"/>
            <ac:spMk id="815" creationId="{326D500D-1DA9-4A8F-B121-E70F57919F4E}"/>
          </ac:spMkLst>
        </pc:spChg>
        <pc:spChg chg="add del mod modVis">
          <ac:chgData name="Manuel Lidauer" userId="b55e45dd-c6cc-461d-bef5-835fc172e678" providerId="ADAL" clId="{BCD0C6F6-2D95-4A66-B702-D3858BC1FC00}" dt="2019-09-26T09:36:15.856" v="25183"/>
          <ac:spMkLst>
            <pc:docMk/>
            <pc:sldMk cId="1279582212" sldId="257"/>
            <ac:spMk id="816" creationId="{35E3013B-FEDA-42C8-B884-0BB62CB85C0B}"/>
          </ac:spMkLst>
        </pc:spChg>
        <pc:spChg chg="add del mod modVis">
          <ac:chgData name="Manuel Lidauer" userId="b55e45dd-c6cc-461d-bef5-835fc172e678" providerId="ADAL" clId="{BCD0C6F6-2D95-4A66-B702-D3858BC1FC00}" dt="2019-09-26T09:36:15.856" v="25184"/>
          <ac:spMkLst>
            <pc:docMk/>
            <pc:sldMk cId="1279582212" sldId="257"/>
            <ac:spMk id="817" creationId="{7BC218DB-FB00-498E-9557-4D7C5009134B}"/>
          </ac:spMkLst>
        </pc:spChg>
        <pc:spChg chg="add del mod modVis">
          <ac:chgData name="Manuel Lidauer" userId="b55e45dd-c6cc-461d-bef5-835fc172e678" providerId="ADAL" clId="{BCD0C6F6-2D95-4A66-B702-D3858BC1FC00}" dt="2019-09-26T09:36:15.856" v="25186"/>
          <ac:spMkLst>
            <pc:docMk/>
            <pc:sldMk cId="1279582212" sldId="257"/>
            <ac:spMk id="818" creationId="{ECA20D1D-0C32-4A2B-B133-D3E1F5462A38}"/>
          </ac:spMkLst>
        </pc:spChg>
        <pc:spChg chg="add del mod modVis">
          <ac:chgData name="Manuel Lidauer" userId="b55e45dd-c6cc-461d-bef5-835fc172e678" providerId="ADAL" clId="{BCD0C6F6-2D95-4A66-B702-D3858BC1FC00}" dt="2019-09-26T09:36:15.857" v="25188"/>
          <ac:spMkLst>
            <pc:docMk/>
            <pc:sldMk cId="1279582212" sldId="257"/>
            <ac:spMk id="819" creationId="{808ED249-68E7-412C-BB4D-994E5853350E}"/>
          </ac:spMkLst>
        </pc:spChg>
        <pc:spChg chg="add del mod modVis">
          <ac:chgData name="Manuel Lidauer" userId="b55e45dd-c6cc-461d-bef5-835fc172e678" providerId="ADAL" clId="{BCD0C6F6-2D95-4A66-B702-D3858BC1FC00}" dt="2019-09-26T09:36:15.857" v="25190"/>
          <ac:spMkLst>
            <pc:docMk/>
            <pc:sldMk cId="1279582212" sldId="257"/>
            <ac:spMk id="820" creationId="{340CDDF8-913F-4453-BDBA-08FBD1366F12}"/>
          </ac:spMkLst>
        </pc:spChg>
        <pc:spChg chg="add del mod modVis">
          <ac:chgData name="Manuel Lidauer" userId="b55e45dd-c6cc-461d-bef5-835fc172e678" providerId="ADAL" clId="{BCD0C6F6-2D95-4A66-B702-D3858BC1FC00}" dt="2019-09-26T09:36:15.858" v="25192"/>
          <ac:spMkLst>
            <pc:docMk/>
            <pc:sldMk cId="1279582212" sldId="257"/>
            <ac:spMk id="821" creationId="{5B31B503-529D-4A0B-A472-82A9727D9307}"/>
          </ac:spMkLst>
        </pc:spChg>
        <pc:spChg chg="add del mod modVis">
          <ac:chgData name="Manuel Lidauer" userId="b55e45dd-c6cc-461d-bef5-835fc172e678" providerId="ADAL" clId="{BCD0C6F6-2D95-4A66-B702-D3858BC1FC00}" dt="2019-09-26T09:36:15.859" v="25194"/>
          <ac:spMkLst>
            <pc:docMk/>
            <pc:sldMk cId="1279582212" sldId="257"/>
            <ac:spMk id="822" creationId="{79390A69-C84A-4FE9-9C2E-87CDEDFB447D}"/>
          </ac:spMkLst>
        </pc:spChg>
        <pc:spChg chg="add del mod modVis">
          <ac:chgData name="Manuel Lidauer" userId="b55e45dd-c6cc-461d-bef5-835fc172e678" providerId="ADAL" clId="{BCD0C6F6-2D95-4A66-B702-D3858BC1FC00}" dt="2019-09-26T09:36:15.859" v="25196"/>
          <ac:spMkLst>
            <pc:docMk/>
            <pc:sldMk cId="1279582212" sldId="257"/>
            <ac:spMk id="823" creationId="{4461865C-84B0-4C91-AC4B-A646B2C58B09}"/>
          </ac:spMkLst>
        </pc:spChg>
        <pc:spChg chg="add del mod modVis">
          <ac:chgData name="Manuel Lidauer" userId="b55e45dd-c6cc-461d-bef5-835fc172e678" providerId="ADAL" clId="{BCD0C6F6-2D95-4A66-B702-D3858BC1FC00}" dt="2019-09-26T09:36:15.860" v="25198"/>
          <ac:spMkLst>
            <pc:docMk/>
            <pc:sldMk cId="1279582212" sldId="257"/>
            <ac:spMk id="824" creationId="{D35089D3-C6C3-4514-8BBD-FA726AE49271}"/>
          </ac:spMkLst>
        </pc:spChg>
        <pc:spChg chg="add del mod modVis">
          <ac:chgData name="Manuel Lidauer" userId="b55e45dd-c6cc-461d-bef5-835fc172e678" providerId="ADAL" clId="{BCD0C6F6-2D95-4A66-B702-D3858BC1FC00}" dt="2019-09-26T09:36:15.860" v="25199"/>
          <ac:spMkLst>
            <pc:docMk/>
            <pc:sldMk cId="1279582212" sldId="257"/>
            <ac:spMk id="825" creationId="{041A58F5-19D3-4050-8816-F1E45D377CA7}"/>
          </ac:spMkLst>
        </pc:spChg>
        <pc:spChg chg="add del mod modVis">
          <ac:chgData name="Manuel Lidauer" userId="b55e45dd-c6cc-461d-bef5-835fc172e678" providerId="ADAL" clId="{BCD0C6F6-2D95-4A66-B702-D3858BC1FC00}" dt="2019-09-26T09:36:15.861" v="25201"/>
          <ac:spMkLst>
            <pc:docMk/>
            <pc:sldMk cId="1279582212" sldId="257"/>
            <ac:spMk id="826" creationId="{131F8D94-9BCB-4916-8B5F-B511E68487C3}"/>
          </ac:spMkLst>
        </pc:spChg>
        <pc:spChg chg="add del mod modVis">
          <ac:chgData name="Manuel Lidauer" userId="b55e45dd-c6cc-461d-bef5-835fc172e678" providerId="ADAL" clId="{BCD0C6F6-2D95-4A66-B702-D3858BC1FC00}" dt="2019-09-26T09:36:15.862" v="25203"/>
          <ac:spMkLst>
            <pc:docMk/>
            <pc:sldMk cId="1279582212" sldId="257"/>
            <ac:spMk id="827" creationId="{59479F6B-4CCA-457C-973A-58158B35CEC4}"/>
          </ac:spMkLst>
        </pc:spChg>
        <pc:spChg chg="add del mod modVis">
          <ac:chgData name="Manuel Lidauer" userId="b55e45dd-c6cc-461d-bef5-835fc172e678" providerId="ADAL" clId="{BCD0C6F6-2D95-4A66-B702-D3858BC1FC00}" dt="2019-09-26T09:36:15.862" v="25205"/>
          <ac:spMkLst>
            <pc:docMk/>
            <pc:sldMk cId="1279582212" sldId="257"/>
            <ac:spMk id="828" creationId="{2BC8E7C0-BC99-45CA-9087-0A21AB9F6B26}"/>
          </ac:spMkLst>
        </pc:spChg>
        <pc:spChg chg="add del mod modVis">
          <ac:chgData name="Manuel Lidauer" userId="b55e45dd-c6cc-461d-bef5-835fc172e678" providerId="ADAL" clId="{BCD0C6F6-2D95-4A66-B702-D3858BC1FC00}" dt="2019-09-26T09:36:15.863" v="25207"/>
          <ac:spMkLst>
            <pc:docMk/>
            <pc:sldMk cId="1279582212" sldId="257"/>
            <ac:spMk id="829" creationId="{A06173B4-7257-4E41-B0BE-5609EEB8AEE8}"/>
          </ac:spMkLst>
        </pc:spChg>
        <pc:spChg chg="add del mod modVis">
          <ac:chgData name="Manuel Lidauer" userId="b55e45dd-c6cc-461d-bef5-835fc172e678" providerId="ADAL" clId="{BCD0C6F6-2D95-4A66-B702-D3858BC1FC00}" dt="2019-09-26T09:36:15.864" v="25209"/>
          <ac:spMkLst>
            <pc:docMk/>
            <pc:sldMk cId="1279582212" sldId="257"/>
            <ac:spMk id="830" creationId="{4EE2B071-93DA-40EF-8F07-3E187CC789A9}"/>
          </ac:spMkLst>
        </pc:spChg>
        <pc:spChg chg="add del mod modVis">
          <ac:chgData name="Manuel Lidauer" userId="b55e45dd-c6cc-461d-bef5-835fc172e678" providerId="ADAL" clId="{BCD0C6F6-2D95-4A66-B702-D3858BC1FC00}" dt="2019-09-26T09:36:15.864" v="25211"/>
          <ac:spMkLst>
            <pc:docMk/>
            <pc:sldMk cId="1279582212" sldId="257"/>
            <ac:spMk id="831" creationId="{DAC0A838-50ED-4DAA-80F2-0AAE42E6DA10}"/>
          </ac:spMkLst>
        </pc:spChg>
        <pc:spChg chg="add del mod modVis">
          <ac:chgData name="Manuel Lidauer" userId="b55e45dd-c6cc-461d-bef5-835fc172e678" providerId="ADAL" clId="{BCD0C6F6-2D95-4A66-B702-D3858BC1FC00}" dt="2019-09-26T09:36:15.865" v="25213"/>
          <ac:spMkLst>
            <pc:docMk/>
            <pc:sldMk cId="1279582212" sldId="257"/>
            <ac:spMk id="832" creationId="{C22025C0-9CBA-4ADB-A47D-6BD964F4A1D5}"/>
          </ac:spMkLst>
        </pc:spChg>
        <pc:spChg chg="add del mod modVis">
          <ac:chgData name="Manuel Lidauer" userId="b55e45dd-c6cc-461d-bef5-835fc172e678" providerId="ADAL" clId="{BCD0C6F6-2D95-4A66-B702-D3858BC1FC00}" dt="2019-09-26T09:36:15.865" v="25214"/>
          <ac:spMkLst>
            <pc:docMk/>
            <pc:sldMk cId="1279582212" sldId="257"/>
            <ac:spMk id="833" creationId="{25D75BBC-4B5E-45F6-8D69-1F5F6DDFCA20}"/>
          </ac:spMkLst>
        </pc:spChg>
        <pc:spChg chg="add del mod modVis">
          <ac:chgData name="Manuel Lidauer" userId="b55e45dd-c6cc-461d-bef5-835fc172e678" providerId="ADAL" clId="{BCD0C6F6-2D95-4A66-B702-D3858BC1FC00}" dt="2019-09-26T09:36:15.866" v="25216"/>
          <ac:spMkLst>
            <pc:docMk/>
            <pc:sldMk cId="1279582212" sldId="257"/>
            <ac:spMk id="834" creationId="{C1AFB21A-5C7C-41A8-98C8-4A627B41DDF9}"/>
          </ac:spMkLst>
        </pc:spChg>
        <pc:spChg chg="add del mod modVis">
          <ac:chgData name="Manuel Lidauer" userId="b55e45dd-c6cc-461d-bef5-835fc172e678" providerId="ADAL" clId="{BCD0C6F6-2D95-4A66-B702-D3858BC1FC00}" dt="2019-09-26T09:36:15.867" v="25218"/>
          <ac:spMkLst>
            <pc:docMk/>
            <pc:sldMk cId="1279582212" sldId="257"/>
            <ac:spMk id="835" creationId="{204033F7-08C0-41DB-B8E6-1145B8A0FB6F}"/>
          </ac:spMkLst>
        </pc:spChg>
        <pc:spChg chg="add del mod modVis">
          <ac:chgData name="Manuel Lidauer" userId="b55e45dd-c6cc-461d-bef5-835fc172e678" providerId="ADAL" clId="{BCD0C6F6-2D95-4A66-B702-D3858BC1FC00}" dt="2019-09-26T09:36:15.868" v="25220"/>
          <ac:spMkLst>
            <pc:docMk/>
            <pc:sldMk cId="1279582212" sldId="257"/>
            <ac:spMk id="836" creationId="{A50AF51F-FA2A-42F5-BAC2-08727FFFCF73}"/>
          </ac:spMkLst>
        </pc:spChg>
        <pc:spChg chg="add del mod modVis">
          <ac:chgData name="Manuel Lidauer" userId="b55e45dd-c6cc-461d-bef5-835fc172e678" providerId="ADAL" clId="{BCD0C6F6-2D95-4A66-B702-D3858BC1FC00}" dt="2019-09-26T09:36:15.870" v="25222"/>
          <ac:spMkLst>
            <pc:docMk/>
            <pc:sldMk cId="1279582212" sldId="257"/>
            <ac:spMk id="837" creationId="{8100395E-7A65-4973-8EEA-4749FBE3AFF3}"/>
          </ac:spMkLst>
        </pc:spChg>
        <pc:spChg chg="add del mod modVis">
          <ac:chgData name="Manuel Lidauer" userId="b55e45dd-c6cc-461d-bef5-835fc172e678" providerId="ADAL" clId="{BCD0C6F6-2D95-4A66-B702-D3858BC1FC00}" dt="2019-09-26T09:36:15.871" v="25224"/>
          <ac:spMkLst>
            <pc:docMk/>
            <pc:sldMk cId="1279582212" sldId="257"/>
            <ac:spMk id="838" creationId="{0D8ADF0F-B67F-47BA-918F-6BFD5A74A481}"/>
          </ac:spMkLst>
        </pc:spChg>
        <pc:spChg chg="add del mod modVis">
          <ac:chgData name="Manuel Lidauer" userId="b55e45dd-c6cc-461d-bef5-835fc172e678" providerId="ADAL" clId="{BCD0C6F6-2D95-4A66-B702-D3858BC1FC00}" dt="2019-09-26T09:36:15.871" v="25226"/>
          <ac:spMkLst>
            <pc:docMk/>
            <pc:sldMk cId="1279582212" sldId="257"/>
            <ac:spMk id="839" creationId="{12828F8B-480F-4E5E-B3CC-A9D7E6735546}"/>
          </ac:spMkLst>
        </pc:spChg>
        <pc:spChg chg="add del mod modVis">
          <ac:chgData name="Manuel Lidauer" userId="b55e45dd-c6cc-461d-bef5-835fc172e678" providerId="ADAL" clId="{BCD0C6F6-2D95-4A66-B702-D3858BC1FC00}" dt="2019-09-26T09:36:15.872" v="25228"/>
          <ac:spMkLst>
            <pc:docMk/>
            <pc:sldMk cId="1279582212" sldId="257"/>
            <ac:spMk id="840" creationId="{92180070-6115-47A4-8F92-CDEA7F7B13FB}"/>
          </ac:spMkLst>
        </pc:spChg>
        <pc:spChg chg="add del mod modVis">
          <ac:chgData name="Manuel Lidauer" userId="b55e45dd-c6cc-461d-bef5-835fc172e678" providerId="ADAL" clId="{BCD0C6F6-2D95-4A66-B702-D3858BC1FC00}" dt="2019-09-26T09:36:15.872" v="25229"/>
          <ac:spMkLst>
            <pc:docMk/>
            <pc:sldMk cId="1279582212" sldId="257"/>
            <ac:spMk id="841" creationId="{CB6190B9-8F6B-410E-86FA-12EC946505D4}"/>
          </ac:spMkLst>
        </pc:spChg>
        <pc:spChg chg="add del mod modVis">
          <ac:chgData name="Manuel Lidauer" userId="b55e45dd-c6cc-461d-bef5-835fc172e678" providerId="ADAL" clId="{BCD0C6F6-2D95-4A66-B702-D3858BC1FC00}" dt="2019-09-26T09:36:15.873" v="25231"/>
          <ac:spMkLst>
            <pc:docMk/>
            <pc:sldMk cId="1279582212" sldId="257"/>
            <ac:spMk id="842" creationId="{D9AE46BF-DBF2-417F-BA9A-34E5BAAAB4E9}"/>
          </ac:spMkLst>
        </pc:spChg>
        <pc:spChg chg="add del mod modVis">
          <ac:chgData name="Manuel Lidauer" userId="b55e45dd-c6cc-461d-bef5-835fc172e678" providerId="ADAL" clId="{BCD0C6F6-2D95-4A66-B702-D3858BC1FC00}" dt="2019-09-26T09:36:15.873" v="25233"/>
          <ac:spMkLst>
            <pc:docMk/>
            <pc:sldMk cId="1279582212" sldId="257"/>
            <ac:spMk id="843" creationId="{0210AAF9-0D4C-4995-8C7E-93CF6A5243F0}"/>
          </ac:spMkLst>
        </pc:spChg>
        <pc:spChg chg="add del mod modVis">
          <ac:chgData name="Manuel Lidauer" userId="b55e45dd-c6cc-461d-bef5-835fc172e678" providerId="ADAL" clId="{BCD0C6F6-2D95-4A66-B702-D3858BC1FC00}" dt="2019-09-26T09:36:15.874" v="25235"/>
          <ac:spMkLst>
            <pc:docMk/>
            <pc:sldMk cId="1279582212" sldId="257"/>
            <ac:spMk id="844" creationId="{D105B770-D73C-4898-9318-4827B752D741}"/>
          </ac:spMkLst>
        </pc:spChg>
        <pc:spChg chg="add del mod modVis">
          <ac:chgData name="Manuel Lidauer" userId="b55e45dd-c6cc-461d-bef5-835fc172e678" providerId="ADAL" clId="{BCD0C6F6-2D95-4A66-B702-D3858BC1FC00}" dt="2019-09-26T09:36:15.875" v="25237"/>
          <ac:spMkLst>
            <pc:docMk/>
            <pc:sldMk cId="1279582212" sldId="257"/>
            <ac:spMk id="845" creationId="{228A4FD7-188C-43AB-881D-171998FA1369}"/>
          </ac:spMkLst>
        </pc:spChg>
        <pc:spChg chg="add del mod modVis">
          <ac:chgData name="Manuel Lidauer" userId="b55e45dd-c6cc-461d-bef5-835fc172e678" providerId="ADAL" clId="{BCD0C6F6-2D95-4A66-B702-D3858BC1FC00}" dt="2019-09-26T09:36:15.875" v="25239"/>
          <ac:spMkLst>
            <pc:docMk/>
            <pc:sldMk cId="1279582212" sldId="257"/>
            <ac:spMk id="846" creationId="{A1A39700-CCD7-4FE6-825A-0D144E4307C1}"/>
          </ac:spMkLst>
        </pc:spChg>
        <pc:spChg chg="add del mod modVis">
          <ac:chgData name="Manuel Lidauer" userId="b55e45dd-c6cc-461d-bef5-835fc172e678" providerId="ADAL" clId="{BCD0C6F6-2D95-4A66-B702-D3858BC1FC00}" dt="2019-09-26T09:36:15.876" v="25241"/>
          <ac:spMkLst>
            <pc:docMk/>
            <pc:sldMk cId="1279582212" sldId="257"/>
            <ac:spMk id="847" creationId="{9540E316-7561-40BB-B4E6-D27AE3EF767F}"/>
          </ac:spMkLst>
        </pc:spChg>
        <pc:spChg chg="add del mod modVis">
          <ac:chgData name="Manuel Lidauer" userId="b55e45dd-c6cc-461d-bef5-835fc172e678" providerId="ADAL" clId="{BCD0C6F6-2D95-4A66-B702-D3858BC1FC00}" dt="2019-09-26T09:36:15.877" v="25243"/>
          <ac:spMkLst>
            <pc:docMk/>
            <pc:sldMk cId="1279582212" sldId="257"/>
            <ac:spMk id="848" creationId="{E24D75AB-5F78-4B44-9546-12B03D197CD6}"/>
          </ac:spMkLst>
        </pc:spChg>
        <pc:spChg chg="add del mod modVis">
          <ac:chgData name="Manuel Lidauer" userId="b55e45dd-c6cc-461d-bef5-835fc172e678" providerId="ADAL" clId="{BCD0C6F6-2D95-4A66-B702-D3858BC1FC00}" dt="2019-09-26T09:36:15.877" v="25244"/>
          <ac:spMkLst>
            <pc:docMk/>
            <pc:sldMk cId="1279582212" sldId="257"/>
            <ac:spMk id="849" creationId="{4F56DB72-4D4E-48F0-AEE2-5C58BD2D5B79}"/>
          </ac:spMkLst>
        </pc:spChg>
        <pc:spChg chg="add del mod modVis">
          <ac:chgData name="Manuel Lidauer" userId="b55e45dd-c6cc-461d-bef5-835fc172e678" providerId="ADAL" clId="{BCD0C6F6-2D95-4A66-B702-D3858BC1FC00}" dt="2019-09-26T09:36:15.878" v="25246"/>
          <ac:spMkLst>
            <pc:docMk/>
            <pc:sldMk cId="1279582212" sldId="257"/>
            <ac:spMk id="850" creationId="{C012B19F-90C0-4654-9C3C-A3FF529BB9A5}"/>
          </ac:spMkLst>
        </pc:spChg>
        <pc:spChg chg="add del mod modVis">
          <ac:chgData name="Manuel Lidauer" userId="b55e45dd-c6cc-461d-bef5-835fc172e678" providerId="ADAL" clId="{BCD0C6F6-2D95-4A66-B702-D3858BC1FC00}" dt="2019-09-26T09:36:15.878" v="25248"/>
          <ac:spMkLst>
            <pc:docMk/>
            <pc:sldMk cId="1279582212" sldId="257"/>
            <ac:spMk id="851" creationId="{C5983FA4-C643-4AB3-8FA7-97E1EA985D5B}"/>
          </ac:spMkLst>
        </pc:spChg>
        <pc:spChg chg="add del mod modVis">
          <ac:chgData name="Manuel Lidauer" userId="b55e45dd-c6cc-461d-bef5-835fc172e678" providerId="ADAL" clId="{BCD0C6F6-2D95-4A66-B702-D3858BC1FC00}" dt="2019-09-26T09:36:15.879" v="25250"/>
          <ac:spMkLst>
            <pc:docMk/>
            <pc:sldMk cId="1279582212" sldId="257"/>
            <ac:spMk id="852" creationId="{9CA87B6E-3E15-4FF4-898D-68E60A53C136}"/>
          </ac:spMkLst>
        </pc:spChg>
        <pc:spChg chg="add del mod modVis">
          <ac:chgData name="Manuel Lidauer" userId="b55e45dd-c6cc-461d-bef5-835fc172e678" providerId="ADAL" clId="{BCD0C6F6-2D95-4A66-B702-D3858BC1FC00}" dt="2019-09-26T09:36:15.880" v="25252"/>
          <ac:spMkLst>
            <pc:docMk/>
            <pc:sldMk cId="1279582212" sldId="257"/>
            <ac:spMk id="853" creationId="{A94B617B-1D9A-45DC-BB44-B3182A47D872}"/>
          </ac:spMkLst>
        </pc:spChg>
        <pc:spChg chg="add del mod modVis">
          <ac:chgData name="Manuel Lidauer" userId="b55e45dd-c6cc-461d-bef5-835fc172e678" providerId="ADAL" clId="{BCD0C6F6-2D95-4A66-B702-D3858BC1FC00}" dt="2019-09-26T09:36:15.880" v="25254"/>
          <ac:spMkLst>
            <pc:docMk/>
            <pc:sldMk cId="1279582212" sldId="257"/>
            <ac:spMk id="854" creationId="{9F073F5A-069A-4E2B-8ABA-3E06A02A0675}"/>
          </ac:spMkLst>
        </pc:spChg>
        <pc:spChg chg="add del mod modVis">
          <ac:chgData name="Manuel Lidauer" userId="b55e45dd-c6cc-461d-bef5-835fc172e678" providerId="ADAL" clId="{BCD0C6F6-2D95-4A66-B702-D3858BC1FC00}" dt="2019-09-26T09:36:15.881" v="25256"/>
          <ac:spMkLst>
            <pc:docMk/>
            <pc:sldMk cId="1279582212" sldId="257"/>
            <ac:spMk id="855" creationId="{C4CDCD2E-E0FF-4C5C-BD16-D5FCCDA747EE}"/>
          </ac:spMkLst>
        </pc:spChg>
        <pc:spChg chg="add del mod modVis">
          <ac:chgData name="Manuel Lidauer" userId="b55e45dd-c6cc-461d-bef5-835fc172e678" providerId="ADAL" clId="{BCD0C6F6-2D95-4A66-B702-D3858BC1FC00}" dt="2019-09-26T09:36:15.882" v="25258"/>
          <ac:spMkLst>
            <pc:docMk/>
            <pc:sldMk cId="1279582212" sldId="257"/>
            <ac:spMk id="856" creationId="{30A2E058-28E9-47C8-A739-D90C6C06F66B}"/>
          </ac:spMkLst>
        </pc:spChg>
        <pc:spChg chg="add del mod modVis">
          <ac:chgData name="Manuel Lidauer" userId="b55e45dd-c6cc-461d-bef5-835fc172e678" providerId="ADAL" clId="{BCD0C6F6-2D95-4A66-B702-D3858BC1FC00}" dt="2019-09-26T09:36:15.882" v="25259"/>
          <ac:spMkLst>
            <pc:docMk/>
            <pc:sldMk cId="1279582212" sldId="257"/>
            <ac:spMk id="857" creationId="{399EDA67-2546-441E-9711-2C2E7AF8FDFC}"/>
          </ac:spMkLst>
        </pc:spChg>
        <pc:spChg chg="add del mod modVis">
          <ac:chgData name="Manuel Lidauer" userId="b55e45dd-c6cc-461d-bef5-835fc172e678" providerId="ADAL" clId="{BCD0C6F6-2D95-4A66-B702-D3858BC1FC00}" dt="2019-09-26T09:36:15.883" v="25261"/>
          <ac:spMkLst>
            <pc:docMk/>
            <pc:sldMk cId="1279582212" sldId="257"/>
            <ac:spMk id="858" creationId="{B4AC8557-3A14-4F2D-8A76-7EB1095366E0}"/>
          </ac:spMkLst>
        </pc:spChg>
        <pc:spChg chg="add del mod modVis">
          <ac:chgData name="Manuel Lidauer" userId="b55e45dd-c6cc-461d-bef5-835fc172e678" providerId="ADAL" clId="{BCD0C6F6-2D95-4A66-B702-D3858BC1FC00}" dt="2019-09-26T09:36:15.883" v="25263"/>
          <ac:spMkLst>
            <pc:docMk/>
            <pc:sldMk cId="1279582212" sldId="257"/>
            <ac:spMk id="859" creationId="{FBAC9914-FA03-41F2-9E71-BBABC779149F}"/>
          </ac:spMkLst>
        </pc:spChg>
        <pc:spChg chg="add del mod modVis">
          <ac:chgData name="Manuel Lidauer" userId="b55e45dd-c6cc-461d-bef5-835fc172e678" providerId="ADAL" clId="{BCD0C6F6-2D95-4A66-B702-D3858BC1FC00}" dt="2019-09-26T09:36:15.884" v="25265"/>
          <ac:spMkLst>
            <pc:docMk/>
            <pc:sldMk cId="1279582212" sldId="257"/>
            <ac:spMk id="860" creationId="{B49FCF33-95F5-4B8B-81B1-2A85CB8CA557}"/>
          </ac:spMkLst>
        </pc:spChg>
        <pc:spChg chg="add del mod modVis">
          <ac:chgData name="Manuel Lidauer" userId="b55e45dd-c6cc-461d-bef5-835fc172e678" providerId="ADAL" clId="{BCD0C6F6-2D95-4A66-B702-D3858BC1FC00}" dt="2019-09-26T09:36:15.885" v="25267"/>
          <ac:spMkLst>
            <pc:docMk/>
            <pc:sldMk cId="1279582212" sldId="257"/>
            <ac:spMk id="861" creationId="{40006392-F6C4-4C94-BB60-62781115F5A0}"/>
          </ac:spMkLst>
        </pc:spChg>
        <pc:spChg chg="add del mod modVis">
          <ac:chgData name="Manuel Lidauer" userId="b55e45dd-c6cc-461d-bef5-835fc172e678" providerId="ADAL" clId="{BCD0C6F6-2D95-4A66-B702-D3858BC1FC00}" dt="2019-09-26T09:36:15.886" v="25269"/>
          <ac:spMkLst>
            <pc:docMk/>
            <pc:sldMk cId="1279582212" sldId="257"/>
            <ac:spMk id="862" creationId="{41E5682D-8415-4BB4-B540-FFF49C661540}"/>
          </ac:spMkLst>
        </pc:spChg>
        <pc:spChg chg="add del mod modVis">
          <ac:chgData name="Manuel Lidauer" userId="b55e45dd-c6cc-461d-bef5-835fc172e678" providerId="ADAL" clId="{BCD0C6F6-2D95-4A66-B702-D3858BC1FC00}" dt="2019-09-26T09:36:15.886" v="25271"/>
          <ac:spMkLst>
            <pc:docMk/>
            <pc:sldMk cId="1279582212" sldId="257"/>
            <ac:spMk id="863" creationId="{852D2E2E-9789-408A-938C-0CBD0F8B89C4}"/>
          </ac:spMkLst>
        </pc:spChg>
        <pc:spChg chg="add del mod modVis">
          <ac:chgData name="Manuel Lidauer" userId="b55e45dd-c6cc-461d-bef5-835fc172e678" providerId="ADAL" clId="{BCD0C6F6-2D95-4A66-B702-D3858BC1FC00}" dt="2019-09-26T09:36:15.888" v="25273"/>
          <ac:spMkLst>
            <pc:docMk/>
            <pc:sldMk cId="1279582212" sldId="257"/>
            <ac:spMk id="864" creationId="{6642584F-465A-4434-9EFC-51A3B15DDDE8}"/>
          </ac:spMkLst>
        </pc:spChg>
        <pc:spChg chg="add del mod modVis">
          <ac:chgData name="Manuel Lidauer" userId="b55e45dd-c6cc-461d-bef5-835fc172e678" providerId="ADAL" clId="{BCD0C6F6-2D95-4A66-B702-D3858BC1FC00}" dt="2019-09-26T09:36:15.888" v="25274"/>
          <ac:spMkLst>
            <pc:docMk/>
            <pc:sldMk cId="1279582212" sldId="257"/>
            <ac:spMk id="865" creationId="{900CC919-A896-4306-B69E-EFE729DAF06D}"/>
          </ac:spMkLst>
        </pc:spChg>
        <pc:spChg chg="add del mod modVis">
          <ac:chgData name="Manuel Lidauer" userId="b55e45dd-c6cc-461d-bef5-835fc172e678" providerId="ADAL" clId="{BCD0C6F6-2D95-4A66-B702-D3858BC1FC00}" dt="2019-09-26T09:36:15.889" v="25276"/>
          <ac:spMkLst>
            <pc:docMk/>
            <pc:sldMk cId="1279582212" sldId="257"/>
            <ac:spMk id="866" creationId="{A48EA3C6-7775-499B-AC7C-2F9E3DF143B0}"/>
          </ac:spMkLst>
        </pc:spChg>
        <pc:spChg chg="add del mod modVis">
          <ac:chgData name="Manuel Lidauer" userId="b55e45dd-c6cc-461d-bef5-835fc172e678" providerId="ADAL" clId="{BCD0C6F6-2D95-4A66-B702-D3858BC1FC00}" dt="2019-09-26T09:36:15.890" v="25278"/>
          <ac:spMkLst>
            <pc:docMk/>
            <pc:sldMk cId="1279582212" sldId="257"/>
            <ac:spMk id="867" creationId="{00211740-F95E-46E0-A5AC-3A7E57E75D93}"/>
          </ac:spMkLst>
        </pc:spChg>
        <pc:spChg chg="add del mod modVis">
          <ac:chgData name="Manuel Lidauer" userId="b55e45dd-c6cc-461d-bef5-835fc172e678" providerId="ADAL" clId="{BCD0C6F6-2D95-4A66-B702-D3858BC1FC00}" dt="2019-09-26T09:36:15.890" v="25280"/>
          <ac:spMkLst>
            <pc:docMk/>
            <pc:sldMk cId="1279582212" sldId="257"/>
            <ac:spMk id="868" creationId="{8BAC23CE-1C03-42DC-AFA2-80E2F029BBA3}"/>
          </ac:spMkLst>
        </pc:spChg>
        <pc:spChg chg="add del mod modVis">
          <ac:chgData name="Manuel Lidauer" userId="b55e45dd-c6cc-461d-bef5-835fc172e678" providerId="ADAL" clId="{BCD0C6F6-2D95-4A66-B702-D3858BC1FC00}" dt="2019-09-26T09:36:15.891" v="25282"/>
          <ac:spMkLst>
            <pc:docMk/>
            <pc:sldMk cId="1279582212" sldId="257"/>
            <ac:spMk id="869" creationId="{8E527E59-8067-4C7F-92CD-E34F0B4D0970}"/>
          </ac:spMkLst>
        </pc:spChg>
        <pc:spChg chg="add del mod modVis">
          <ac:chgData name="Manuel Lidauer" userId="b55e45dd-c6cc-461d-bef5-835fc172e678" providerId="ADAL" clId="{BCD0C6F6-2D95-4A66-B702-D3858BC1FC00}" dt="2019-09-26T09:36:15.892" v="25284"/>
          <ac:spMkLst>
            <pc:docMk/>
            <pc:sldMk cId="1279582212" sldId="257"/>
            <ac:spMk id="870" creationId="{4FE381E1-D047-4546-B6B3-2BA015130D1B}"/>
          </ac:spMkLst>
        </pc:spChg>
        <pc:spChg chg="add del mod modVis">
          <ac:chgData name="Manuel Lidauer" userId="b55e45dd-c6cc-461d-bef5-835fc172e678" providerId="ADAL" clId="{BCD0C6F6-2D95-4A66-B702-D3858BC1FC00}" dt="2019-09-26T09:36:15.892" v="25286"/>
          <ac:spMkLst>
            <pc:docMk/>
            <pc:sldMk cId="1279582212" sldId="257"/>
            <ac:spMk id="871" creationId="{CCC314C4-66A4-4922-B975-099E76C086D9}"/>
          </ac:spMkLst>
        </pc:spChg>
        <pc:spChg chg="add del mod modVis">
          <ac:chgData name="Manuel Lidauer" userId="b55e45dd-c6cc-461d-bef5-835fc172e678" providerId="ADAL" clId="{BCD0C6F6-2D95-4A66-B702-D3858BC1FC00}" dt="2019-09-26T09:36:15.893" v="25288"/>
          <ac:spMkLst>
            <pc:docMk/>
            <pc:sldMk cId="1279582212" sldId="257"/>
            <ac:spMk id="872" creationId="{B200F234-753A-4E3B-9322-A77029116CE8}"/>
          </ac:spMkLst>
        </pc:spChg>
        <pc:spChg chg="add del mod modVis">
          <ac:chgData name="Manuel Lidauer" userId="b55e45dd-c6cc-461d-bef5-835fc172e678" providerId="ADAL" clId="{BCD0C6F6-2D95-4A66-B702-D3858BC1FC00}" dt="2019-09-26T09:36:15.894" v="25289"/>
          <ac:spMkLst>
            <pc:docMk/>
            <pc:sldMk cId="1279582212" sldId="257"/>
            <ac:spMk id="873" creationId="{801383F8-41A5-4648-9A90-4D9C03D41C1E}"/>
          </ac:spMkLst>
        </pc:spChg>
        <pc:spChg chg="add del mod modVis">
          <ac:chgData name="Manuel Lidauer" userId="b55e45dd-c6cc-461d-bef5-835fc172e678" providerId="ADAL" clId="{BCD0C6F6-2D95-4A66-B702-D3858BC1FC00}" dt="2019-09-26T09:36:15.894" v="25291"/>
          <ac:spMkLst>
            <pc:docMk/>
            <pc:sldMk cId="1279582212" sldId="257"/>
            <ac:spMk id="874" creationId="{89B1AE53-F901-460E-B2D4-D2D5D23A82B4}"/>
          </ac:spMkLst>
        </pc:spChg>
        <pc:spChg chg="add del mod modVis">
          <ac:chgData name="Manuel Lidauer" userId="b55e45dd-c6cc-461d-bef5-835fc172e678" providerId="ADAL" clId="{BCD0C6F6-2D95-4A66-B702-D3858BC1FC00}" dt="2019-09-26T09:36:15.895" v="25293"/>
          <ac:spMkLst>
            <pc:docMk/>
            <pc:sldMk cId="1279582212" sldId="257"/>
            <ac:spMk id="875" creationId="{DA03B59D-515C-4D53-8911-AAD5C876B2FF}"/>
          </ac:spMkLst>
        </pc:spChg>
        <pc:spChg chg="add del mod modVis">
          <ac:chgData name="Manuel Lidauer" userId="b55e45dd-c6cc-461d-bef5-835fc172e678" providerId="ADAL" clId="{BCD0C6F6-2D95-4A66-B702-D3858BC1FC00}" dt="2019-09-26T09:36:15.895" v="25295"/>
          <ac:spMkLst>
            <pc:docMk/>
            <pc:sldMk cId="1279582212" sldId="257"/>
            <ac:spMk id="876" creationId="{82F80B9D-D93A-46C6-9244-CDB4CD19CF0B}"/>
          </ac:spMkLst>
        </pc:spChg>
        <pc:spChg chg="add del mod modVis">
          <ac:chgData name="Manuel Lidauer" userId="b55e45dd-c6cc-461d-bef5-835fc172e678" providerId="ADAL" clId="{BCD0C6F6-2D95-4A66-B702-D3858BC1FC00}" dt="2019-09-26T09:36:15.896" v="25297"/>
          <ac:spMkLst>
            <pc:docMk/>
            <pc:sldMk cId="1279582212" sldId="257"/>
            <ac:spMk id="877" creationId="{277B5EC2-AA20-417E-B6C2-A2DAA87427BF}"/>
          </ac:spMkLst>
        </pc:spChg>
        <pc:spChg chg="add del mod modVis">
          <ac:chgData name="Manuel Lidauer" userId="b55e45dd-c6cc-461d-bef5-835fc172e678" providerId="ADAL" clId="{BCD0C6F6-2D95-4A66-B702-D3858BC1FC00}" dt="2019-09-26T09:36:15.897" v="25299"/>
          <ac:spMkLst>
            <pc:docMk/>
            <pc:sldMk cId="1279582212" sldId="257"/>
            <ac:spMk id="878" creationId="{8B1AFFB7-22C0-4F0C-9D3A-FF8289096220}"/>
          </ac:spMkLst>
        </pc:spChg>
        <pc:spChg chg="add del mod modVis">
          <ac:chgData name="Manuel Lidauer" userId="b55e45dd-c6cc-461d-bef5-835fc172e678" providerId="ADAL" clId="{BCD0C6F6-2D95-4A66-B702-D3858BC1FC00}" dt="2019-09-26T09:36:15.897" v="25301"/>
          <ac:spMkLst>
            <pc:docMk/>
            <pc:sldMk cId="1279582212" sldId="257"/>
            <ac:spMk id="879" creationId="{E756C835-5EC3-40C6-80DD-9888A346EABD}"/>
          </ac:spMkLst>
        </pc:spChg>
        <pc:spChg chg="add del mod modVis">
          <ac:chgData name="Manuel Lidauer" userId="b55e45dd-c6cc-461d-bef5-835fc172e678" providerId="ADAL" clId="{BCD0C6F6-2D95-4A66-B702-D3858BC1FC00}" dt="2019-09-26T09:36:15.898" v="25303"/>
          <ac:spMkLst>
            <pc:docMk/>
            <pc:sldMk cId="1279582212" sldId="257"/>
            <ac:spMk id="880" creationId="{9C0AF96F-A238-4FAB-9C25-15CDFBBED15A}"/>
          </ac:spMkLst>
        </pc:spChg>
        <pc:spChg chg="add del mod modVis">
          <ac:chgData name="Manuel Lidauer" userId="b55e45dd-c6cc-461d-bef5-835fc172e678" providerId="ADAL" clId="{BCD0C6F6-2D95-4A66-B702-D3858BC1FC00}" dt="2019-09-26T09:36:15.899" v="25304"/>
          <ac:spMkLst>
            <pc:docMk/>
            <pc:sldMk cId="1279582212" sldId="257"/>
            <ac:spMk id="881" creationId="{1F75D02A-7067-43FA-B6E9-CF9D67A36813}"/>
          </ac:spMkLst>
        </pc:spChg>
        <pc:spChg chg="add del mod modVis">
          <ac:chgData name="Manuel Lidauer" userId="b55e45dd-c6cc-461d-bef5-835fc172e678" providerId="ADAL" clId="{BCD0C6F6-2D95-4A66-B702-D3858BC1FC00}" dt="2019-09-26T09:36:15.899" v="25306"/>
          <ac:spMkLst>
            <pc:docMk/>
            <pc:sldMk cId="1279582212" sldId="257"/>
            <ac:spMk id="882" creationId="{EB547696-849C-4964-AF1F-C5622FC3B5A4}"/>
          </ac:spMkLst>
        </pc:spChg>
        <pc:spChg chg="add del mod modVis">
          <ac:chgData name="Manuel Lidauer" userId="b55e45dd-c6cc-461d-bef5-835fc172e678" providerId="ADAL" clId="{BCD0C6F6-2D95-4A66-B702-D3858BC1FC00}" dt="2019-09-26T09:36:15.900" v="25308"/>
          <ac:spMkLst>
            <pc:docMk/>
            <pc:sldMk cId="1279582212" sldId="257"/>
            <ac:spMk id="883" creationId="{CE57715C-5690-4F85-9B3F-32E3DE668503}"/>
          </ac:spMkLst>
        </pc:spChg>
        <pc:spChg chg="add del mod modVis">
          <ac:chgData name="Manuel Lidauer" userId="b55e45dd-c6cc-461d-bef5-835fc172e678" providerId="ADAL" clId="{BCD0C6F6-2D95-4A66-B702-D3858BC1FC00}" dt="2019-09-26T09:36:15.901" v="25310"/>
          <ac:spMkLst>
            <pc:docMk/>
            <pc:sldMk cId="1279582212" sldId="257"/>
            <ac:spMk id="884" creationId="{ECFD64E4-8AE4-46BD-8EF5-B2DB833127C3}"/>
          </ac:spMkLst>
        </pc:spChg>
        <pc:spChg chg="add del mod modVis">
          <ac:chgData name="Manuel Lidauer" userId="b55e45dd-c6cc-461d-bef5-835fc172e678" providerId="ADAL" clId="{BCD0C6F6-2D95-4A66-B702-D3858BC1FC00}" dt="2019-09-26T09:36:15.901" v="25312"/>
          <ac:spMkLst>
            <pc:docMk/>
            <pc:sldMk cId="1279582212" sldId="257"/>
            <ac:spMk id="885" creationId="{BB781865-6570-4E4E-8BE2-F9E25567F066}"/>
          </ac:spMkLst>
        </pc:spChg>
        <pc:spChg chg="add del mod modVis">
          <ac:chgData name="Manuel Lidauer" userId="b55e45dd-c6cc-461d-bef5-835fc172e678" providerId="ADAL" clId="{BCD0C6F6-2D95-4A66-B702-D3858BC1FC00}" dt="2019-09-26T09:36:15.902" v="25314"/>
          <ac:spMkLst>
            <pc:docMk/>
            <pc:sldMk cId="1279582212" sldId="257"/>
            <ac:spMk id="886" creationId="{110334AC-B68D-4BD8-93B2-A32D16B52FA9}"/>
          </ac:spMkLst>
        </pc:spChg>
        <pc:spChg chg="add del mod modVis">
          <ac:chgData name="Manuel Lidauer" userId="b55e45dd-c6cc-461d-bef5-835fc172e678" providerId="ADAL" clId="{BCD0C6F6-2D95-4A66-B702-D3858BC1FC00}" dt="2019-09-26T09:36:15.903" v="25316"/>
          <ac:spMkLst>
            <pc:docMk/>
            <pc:sldMk cId="1279582212" sldId="257"/>
            <ac:spMk id="887" creationId="{36850608-BA13-449C-B68F-7A72C22211CC}"/>
          </ac:spMkLst>
        </pc:spChg>
        <pc:spChg chg="add del mod modVis">
          <ac:chgData name="Manuel Lidauer" userId="b55e45dd-c6cc-461d-bef5-835fc172e678" providerId="ADAL" clId="{BCD0C6F6-2D95-4A66-B702-D3858BC1FC00}" dt="2019-09-26T09:36:15.903" v="25318"/>
          <ac:spMkLst>
            <pc:docMk/>
            <pc:sldMk cId="1279582212" sldId="257"/>
            <ac:spMk id="888" creationId="{C73242C9-3969-479A-B5E3-F1C4CB6CC44B}"/>
          </ac:spMkLst>
        </pc:spChg>
        <pc:spChg chg="add del mod modVis">
          <ac:chgData name="Manuel Lidauer" userId="b55e45dd-c6cc-461d-bef5-835fc172e678" providerId="ADAL" clId="{BCD0C6F6-2D95-4A66-B702-D3858BC1FC00}" dt="2019-09-26T09:36:15.904" v="25319"/>
          <ac:spMkLst>
            <pc:docMk/>
            <pc:sldMk cId="1279582212" sldId="257"/>
            <ac:spMk id="889" creationId="{284CCCFA-D397-4598-8E01-4E3F9D32AD3B}"/>
          </ac:spMkLst>
        </pc:spChg>
        <pc:spChg chg="add del mod modVis">
          <ac:chgData name="Manuel Lidauer" userId="b55e45dd-c6cc-461d-bef5-835fc172e678" providerId="ADAL" clId="{BCD0C6F6-2D95-4A66-B702-D3858BC1FC00}" dt="2019-09-26T09:36:15.905" v="25321"/>
          <ac:spMkLst>
            <pc:docMk/>
            <pc:sldMk cId="1279582212" sldId="257"/>
            <ac:spMk id="890" creationId="{C1D248CB-5EF7-43F1-91F7-3256B8FBCE1C}"/>
          </ac:spMkLst>
        </pc:spChg>
        <pc:spChg chg="add del mod modVis">
          <ac:chgData name="Manuel Lidauer" userId="b55e45dd-c6cc-461d-bef5-835fc172e678" providerId="ADAL" clId="{BCD0C6F6-2D95-4A66-B702-D3858BC1FC00}" dt="2019-09-26T09:36:15.906" v="25323"/>
          <ac:spMkLst>
            <pc:docMk/>
            <pc:sldMk cId="1279582212" sldId="257"/>
            <ac:spMk id="891" creationId="{48D0E656-BEA6-4C9A-BE9D-D4303BCF4A0E}"/>
          </ac:spMkLst>
        </pc:spChg>
        <pc:spChg chg="add del mod modVis">
          <ac:chgData name="Manuel Lidauer" userId="b55e45dd-c6cc-461d-bef5-835fc172e678" providerId="ADAL" clId="{BCD0C6F6-2D95-4A66-B702-D3858BC1FC00}" dt="2019-09-26T09:36:15.908" v="25325"/>
          <ac:spMkLst>
            <pc:docMk/>
            <pc:sldMk cId="1279582212" sldId="257"/>
            <ac:spMk id="892" creationId="{19679FA5-D19B-4603-8624-907784F141AC}"/>
          </ac:spMkLst>
        </pc:spChg>
        <pc:spChg chg="add del mod modVis">
          <ac:chgData name="Manuel Lidauer" userId="b55e45dd-c6cc-461d-bef5-835fc172e678" providerId="ADAL" clId="{BCD0C6F6-2D95-4A66-B702-D3858BC1FC00}" dt="2019-09-26T09:36:15.908" v="25327"/>
          <ac:spMkLst>
            <pc:docMk/>
            <pc:sldMk cId="1279582212" sldId="257"/>
            <ac:spMk id="893" creationId="{3D8B8BD0-0F99-4B6C-A7E6-4968E9B0DA47}"/>
          </ac:spMkLst>
        </pc:spChg>
        <pc:spChg chg="add del mod modVis">
          <ac:chgData name="Manuel Lidauer" userId="b55e45dd-c6cc-461d-bef5-835fc172e678" providerId="ADAL" clId="{BCD0C6F6-2D95-4A66-B702-D3858BC1FC00}" dt="2019-09-26T09:36:15.909" v="25329"/>
          <ac:spMkLst>
            <pc:docMk/>
            <pc:sldMk cId="1279582212" sldId="257"/>
            <ac:spMk id="894" creationId="{72BFCB9F-E535-4F86-B702-DF6BA58923EF}"/>
          </ac:spMkLst>
        </pc:spChg>
        <pc:spChg chg="add del mod modVis">
          <ac:chgData name="Manuel Lidauer" userId="b55e45dd-c6cc-461d-bef5-835fc172e678" providerId="ADAL" clId="{BCD0C6F6-2D95-4A66-B702-D3858BC1FC00}" dt="2019-09-26T09:36:15.910" v="25331"/>
          <ac:spMkLst>
            <pc:docMk/>
            <pc:sldMk cId="1279582212" sldId="257"/>
            <ac:spMk id="895" creationId="{1669EF79-38AB-48B3-A3E0-A37C7C786559}"/>
          </ac:spMkLst>
        </pc:spChg>
        <pc:spChg chg="add del mod modVis">
          <ac:chgData name="Manuel Lidauer" userId="b55e45dd-c6cc-461d-bef5-835fc172e678" providerId="ADAL" clId="{BCD0C6F6-2D95-4A66-B702-D3858BC1FC00}" dt="2019-09-26T09:36:15.910" v="25333"/>
          <ac:spMkLst>
            <pc:docMk/>
            <pc:sldMk cId="1279582212" sldId="257"/>
            <ac:spMk id="896" creationId="{B818C9B0-46F5-4D7C-95FB-AB894606CDBC}"/>
          </ac:spMkLst>
        </pc:spChg>
        <pc:spChg chg="add del mod modVis">
          <ac:chgData name="Manuel Lidauer" userId="b55e45dd-c6cc-461d-bef5-835fc172e678" providerId="ADAL" clId="{BCD0C6F6-2D95-4A66-B702-D3858BC1FC00}" dt="2019-09-26T09:36:15.911" v="25334"/>
          <ac:spMkLst>
            <pc:docMk/>
            <pc:sldMk cId="1279582212" sldId="257"/>
            <ac:spMk id="897" creationId="{9D83CA57-F3C9-49F8-81E9-E26DB712EF88}"/>
          </ac:spMkLst>
        </pc:spChg>
        <pc:spChg chg="add del mod modVis">
          <ac:chgData name="Manuel Lidauer" userId="b55e45dd-c6cc-461d-bef5-835fc172e678" providerId="ADAL" clId="{BCD0C6F6-2D95-4A66-B702-D3858BC1FC00}" dt="2019-09-26T09:36:15.911" v="25336"/>
          <ac:spMkLst>
            <pc:docMk/>
            <pc:sldMk cId="1279582212" sldId="257"/>
            <ac:spMk id="898" creationId="{EED4A62B-0437-4F2F-BB01-6A81C2754533}"/>
          </ac:spMkLst>
        </pc:spChg>
        <pc:spChg chg="add del mod modVis">
          <ac:chgData name="Manuel Lidauer" userId="b55e45dd-c6cc-461d-bef5-835fc172e678" providerId="ADAL" clId="{BCD0C6F6-2D95-4A66-B702-D3858BC1FC00}" dt="2019-09-26T09:36:15.912" v="25338"/>
          <ac:spMkLst>
            <pc:docMk/>
            <pc:sldMk cId="1279582212" sldId="257"/>
            <ac:spMk id="899" creationId="{C6547872-2CCF-43B2-8717-C73B4244FFFF}"/>
          </ac:spMkLst>
        </pc:spChg>
        <pc:spChg chg="add del mod modVis">
          <ac:chgData name="Manuel Lidauer" userId="b55e45dd-c6cc-461d-bef5-835fc172e678" providerId="ADAL" clId="{BCD0C6F6-2D95-4A66-B702-D3858BC1FC00}" dt="2019-09-26T09:36:15.913" v="25340"/>
          <ac:spMkLst>
            <pc:docMk/>
            <pc:sldMk cId="1279582212" sldId="257"/>
            <ac:spMk id="900" creationId="{3DA83934-1F02-4A8A-BBE6-0CB4F8CD8681}"/>
          </ac:spMkLst>
        </pc:spChg>
        <pc:spChg chg="add del mod modVis">
          <ac:chgData name="Manuel Lidauer" userId="b55e45dd-c6cc-461d-bef5-835fc172e678" providerId="ADAL" clId="{BCD0C6F6-2D95-4A66-B702-D3858BC1FC00}" dt="2019-09-26T09:36:15.913" v="25342"/>
          <ac:spMkLst>
            <pc:docMk/>
            <pc:sldMk cId="1279582212" sldId="257"/>
            <ac:spMk id="901" creationId="{71389E3D-BBCF-4E87-9559-E21098F66509}"/>
          </ac:spMkLst>
        </pc:spChg>
        <pc:spChg chg="add del mod modVis">
          <ac:chgData name="Manuel Lidauer" userId="b55e45dd-c6cc-461d-bef5-835fc172e678" providerId="ADAL" clId="{BCD0C6F6-2D95-4A66-B702-D3858BC1FC00}" dt="2019-09-26T09:36:15.914" v="25344"/>
          <ac:spMkLst>
            <pc:docMk/>
            <pc:sldMk cId="1279582212" sldId="257"/>
            <ac:spMk id="902" creationId="{BEB5A2BE-A472-47AA-9B7C-E368AAD444CB}"/>
          </ac:spMkLst>
        </pc:spChg>
        <pc:spChg chg="add del mod modVis">
          <ac:chgData name="Manuel Lidauer" userId="b55e45dd-c6cc-461d-bef5-835fc172e678" providerId="ADAL" clId="{BCD0C6F6-2D95-4A66-B702-D3858BC1FC00}" dt="2019-09-26T09:36:15.915" v="25346"/>
          <ac:spMkLst>
            <pc:docMk/>
            <pc:sldMk cId="1279582212" sldId="257"/>
            <ac:spMk id="903" creationId="{5ACB0771-5464-4BAA-ACF0-C512BD831956}"/>
          </ac:spMkLst>
        </pc:spChg>
        <pc:spChg chg="add del mod modVis">
          <ac:chgData name="Manuel Lidauer" userId="b55e45dd-c6cc-461d-bef5-835fc172e678" providerId="ADAL" clId="{BCD0C6F6-2D95-4A66-B702-D3858BC1FC00}" dt="2019-09-26T09:36:15.916" v="25348"/>
          <ac:spMkLst>
            <pc:docMk/>
            <pc:sldMk cId="1279582212" sldId="257"/>
            <ac:spMk id="904" creationId="{BECDF198-9896-447E-9A8D-5B8047140553}"/>
          </ac:spMkLst>
        </pc:spChg>
        <pc:spChg chg="add del mod modVis">
          <ac:chgData name="Manuel Lidauer" userId="b55e45dd-c6cc-461d-bef5-835fc172e678" providerId="ADAL" clId="{BCD0C6F6-2D95-4A66-B702-D3858BC1FC00}" dt="2019-09-26T09:36:15.916" v="25349"/>
          <ac:spMkLst>
            <pc:docMk/>
            <pc:sldMk cId="1279582212" sldId="257"/>
            <ac:spMk id="905" creationId="{4B5BB91E-E003-4F37-8BFB-8EF3D7C82E59}"/>
          </ac:spMkLst>
        </pc:spChg>
        <pc:spChg chg="add del mod modVis">
          <ac:chgData name="Manuel Lidauer" userId="b55e45dd-c6cc-461d-bef5-835fc172e678" providerId="ADAL" clId="{BCD0C6F6-2D95-4A66-B702-D3858BC1FC00}" dt="2019-09-26T09:36:15.917" v="25351"/>
          <ac:spMkLst>
            <pc:docMk/>
            <pc:sldMk cId="1279582212" sldId="257"/>
            <ac:spMk id="906" creationId="{A70DD257-F553-4EA0-A69A-A305281AFCF4}"/>
          </ac:spMkLst>
        </pc:spChg>
        <pc:spChg chg="add del mod modVis">
          <ac:chgData name="Manuel Lidauer" userId="b55e45dd-c6cc-461d-bef5-835fc172e678" providerId="ADAL" clId="{BCD0C6F6-2D95-4A66-B702-D3858BC1FC00}" dt="2019-09-26T09:36:15.917" v="25353"/>
          <ac:spMkLst>
            <pc:docMk/>
            <pc:sldMk cId="1279582212" sldId="257"/>
            <ac:spMk id="907" creationId="{F47870C0-5D77-4840-BDF1-83F063F50B31}"/>
          </ac:spMkLst>
        </pc:spChg>
        <pc:spChg chg="add del mod modVis">
          <ac:chgData name="Manuel Lidauer" userId="b55e45dd-c6cc-461d-bef5-835fc172e678" providerId="ADAL" clId="{BCD0C6F6-2D95-4A66-B702-D3858BC1FC00}" dt="2019-09-26T09:36:15.918" v="25355"/>
          <ac:spMkLst>
            <pc:docMk/>
            <pc:sldMk cId="1279582212" sldId="257"/>
            <ac:spMk id="908" creationId="{F2174614-048E-4F21-A81D-791F743DC708}"/>
          </ac:spMkLst>
        </pc:spChg>
        <pc:spChg chg="add del mod modVis">
          <ac:chgData name="Manuel Lidauer" userId="b55e45dd-c6cc-461d-bef5-835fc172e678" providerId="ADAL" clId="{BCD0C6F6-2D95-4A66-B702-D3858BC1FC00}" dt="2019-09-26T09:36:15.919" v="25357"/>
          <ac:spMkLst>
            <pc:docMk/>
            <pc:sldMk cId="1279582212" sldId="257"/>
            <ac:spMk id="909" creationId="{7781C6C4-07D9-4A92-8661-041C6E8E4B9C}"/>
          </ac:spMkLst>
        </pc:spChg>
        <pc:spChg chg="add del mod modVis">
          <ac:chgData name="Manuel Lidauer" userId="b55e45dd-c6cc-461d-bef5-835fc172e678" providerId="ADAL" clId="{BCD0C6F6-2D95-4A66-B702-D3858BC1FC00}" dt="2019-09-26T09:36:15.920" v="25359"/>
          <ac:spMkLst>
            <pc:docMk/>
            <pc:sldMk cId="1279582212" sldId="257"/>
            <ac:spMk id="910" creationId="{1E9474C8-4143-4C10-9CDD-3268F3E6C022}"/>
          </ac:spMkLst>
        </pc:spChg>
        <pc:spChg chg="add del mod modVis">
          <ac:chgData name="Manuel Lidauer" userId="b55e45dd-c6cc-461d-bef5-835fc172e678" providerId="ADAL" clId="{BCD0C6F6-2D95-4A66-B702-D3858BC1FC00}" dt="2019-09-26T09:36:15.921" v="25361"/>
          <ac:spMkLst>
            <pc:docMk/>
            <pc:sldMk cId="1279582212" sldId="257"/>
            <ac:spMk id="911" creationId="{07E41F57-B587-4EE0-86A3-CF6887C68289}"/>
          </ac:spMkLst>
        </pc:spChg>
        <pc:spChg chg="add del mod modVis">
          <ac:chgData name="Manuel Lidauer" userId="b55e45dd-c6cc-461d-bef5-835fc172e678" providerId="ADAL" clId="{BCD0C6F6-2D95-4A66-B702-D3858BC1FC00}" dt="2019-09-26T09:36:15.922" v="25363"/>
          <ac:spMkLst>
            <pc:docMk/>
            <pc:sldMk cId="1279582212" sldId="257"/>
            <ac:spMk id="912" creationId="{CE8D3898-6AB6-46C5-9063-5C67E6A127C8}"/>
          </ac:spMkLst>
        </pc:spChg>
        <pc:spChg chg="add del mod modVis">
          <ac:chgData name="Manuel Lidauer" userId="b55e45dd-c6cc-461d-bef5-835fc172e678" providerId="ADAL" clId="{BCD0C6F6-2D95-4A66-B702-D3858BC1FC00}" dt="2019-09-26T09:36:15.922" v="25364"/>
          <ac:spMkLst>
            <pc:docMk/>
            <pc:sldMk cId="1279582212" sldId="257"/>
            <ac:spMk id="913" creationId="{A8771109-CE7E-4699-87F2-9FE14D6BE607}"/>
          </ac:spMkLst>
        </pc:spChg>
        <pc:spChg chg="add del mod modVis">
          <ac:chgData name="Manuel Lidauer" userId="b55e45dd-c6cc-461d-bef5-835fc172e678" providerId="ADAL" clId="{BCD0C6F6-2D95-4A66-B702-D3858BC1FC00}" dt="2019-09-26T09:36:15.923" v="25366"/>
          <ac:spMkLst>
            <pc:docMk/>
            <pc:sldMk cId="1279582212" sldId="257"/>
            <ac:spMk id="914" creationId="{A8CF8B7D-DCE8-423C-9771-6F87DA286688}"/>
          </ac:spMkLst>
        </pc:spChg>
        <pc:spChg chg="add del mod modVis">
          <ac:chgData name="Manuel Lidauer" userId="b55e45dd-c6cc-461d-bef5-835fc172e678" providerId="ADAL" clId="{BCD0C6F6-2D95-4A66-B702-D3858BC1FC00}" dt="2019-09-26T09:36:15.924" v="25368"/>
          <ac:spMkLst>
            <pc:docMk/>
            <pc:sldMk cId="1279582212" sldId="257"/>
            <ac:spMk id="915" creationId="{26025E4F-C5F5-4172-8D86-9B71902A62A0}"/>
          </ac:spMkLst>
        </pc:spChg>
        <pc:spChg chg="add del mod modVis">
          <ac:chgData name="Manuel Lidauer" userId="b55e45dd-c6cc-461d-bef5-835fc172e678" providerId="ADAL" clId="{BCD0C6F6-2D95-4A66-B702-D3858BC1FC00}" dt="2019-09-26T09:36:15.924" v="25370"/>
          <ac:spMkLst>
            <pc:docMk/>
            <pc:sldMk cId="1279582212" sldId="257"/>
            <ac:spMk id="916" creationId="{92D3F330-1586-4ACA-9E5D-D07C73441A68}"/>
          </ac:spMkLst>
        </pc:spChg>
        <pc:spChg chg="add del mod modVis">
          <ac:chgData name="Manuel Lidauer" userId="b55e45dd-c6cc-461d-bef5-835fc172e678" providerId="ADAL" clId="{BCD0C6F6-2D95-4A66-B702-D3858BC1FC00}" dt="2019-09-26T09:36:15.925" v="25372"/>
          <ac:spMkLst>
            <pc:docMk/>
            <pc:sldMk cId="1279582212" sldId="257"/>
            <ac:spMk id="917" creationId="{C6F02D7F-90EF-414D-914E-DA6C264A3000}"/>
          </ac:spMkLst>
        </pc:spChg>
        <pc:spChg chg="add del mod modVis">
          <ac:chgData name="Manuel Lidauer" userId="b55e45dd-c6cc-461d-bef5-835fc172e678" providerId="ADAL" clId="{BCD0C6F6-2D95-4A66-B702-D3858BC1FC00}" dt="2019-09-26T09:36:15.926" v="25374"/>
          <ac:spMkLst>
            <pc:docMk/>
            <pc:sldMk cId="1279582212" sldId="257"/>
            <ac:spMk id="918" creationId="{EDABD497-48EA-4E22-AB67-6CE7E1A57151}"/>
          </ac:spMkLst>
        </pc:spChg>
        <pc:spChg chg="add del mod modVis">
          <ac:chgData name="Manuel Lidauer" userId="b55e45dd-c6cc-461d-bef5-835fc172e678" providerId="ADAL" clId="{BCD0C6F6-2D95-4A66-B702-D3858BC1FC00}" dt="2019-09-26T09:36:15.926" v="25376"/>
          <ac:spMkLst>
            <pc:docMk/>
            <pc:sldMk cId="1279582212" sldId="257"/>
            <ac:spMk id="919" creationId="{C7F9F994-03D0-4315-8281-286BDDB05BE0}"/>
          </ac:spMkLst>
        </pc:spChg>
        <pc:spChg chg="add del mod modVis">
          <ac:chgData name="Manuel Lidauer" userId="b55e45dd-c6cc-461d-bef5-835fc172e678" providerId="ADAL" clId="{BCD0C6F6-2D95-4A66-B702-D3858BC1FC00}" dt="2019-09-26T09:36:15.927" v="25378"/>
          <ac:spMkLst>
            <pc:docMk/>
            <pc:sldMk cId="1279582212" sldId="257"/>
            <ac:spMk id="920" creationId="{A87D0985-EB98-444C-855E-CA8490CC8B61}"/>
          </ac:spMkLst>
        </pc:spChg>
        <pc:spChg chg="add del mod modVis">
          <ac:chgData name="Manuel Lidauer" userId="b55e45dd-c6cc-461d-bef5-835fc172e678" providerId="ADAL" clId="{BCD0C6F6-2D95-4A66-B702-D3858BC1FC00}" dt="2019-09-26T09:36:15.927" v="25379"/>
          <ac:spMkLst>
            <pc:docMk/>
            <pc:sldMk cId="1279582212" sldId="257"/>
            <ac:spMk id="921" creationId="{28B756DC-0BD0-49AB-A47C-BD64EDA5EE0A}"/>
          </ac:spMkLst>
        </pc:spChg>
        <pc:spChg chg="add del mod modVis">
          <ac:chgData name="Manuel Lidauer" userId="b55e45dd-c6cc-461d-bef5-835fc172e678" providerId="ADAL" clId="{BCD0C6F6-2D95-4A66-B702-D3858BC1FC00}" dt="2019-09-26T09:36:15.928" v="25381"/>
          <ac:spMkLst>
            <pc:docMk/>
            <pc:sldMk cId="1279582212" sldId="257"/>
            <ac:spMk id="922" creationId="{2AAEDD58-3B24-470E-A4E6-31CD6901D259}"/>
          </ac:spMkLst>
        </pc:spChg>
        <pc:spChg chg="add del mod modVis">
          <ac:chgData name="Manuel Lidauer" userId="b55e45dd-c6cc-461d-bef5-835fc172e678" providerId="ADAL" clId="{BCD0C6F6-2D95-4A66-B702-D3858BC1FC00}" dt="2019-09-26T09:36:15.929" v="25383"/>
          <ac:spMkLst>
            <pc:docMk/>
            <pc:sldMk cId="1279582212" sldId="257"/>
            <ac:spMk id="923" creationId="{4936A74D-49AC-42B8-99E4-0BEC924DD13B}"/>
          </ac:spMkLst>
        </pc:spChg>
        <pc:spChg chg="add del mod modVis">
          <ac:chgData name="Manuel Lidauer" userId="b55e45dd-c6cc-461d-bef5-835fc172e678" providerId="ADAL" clId="{BCD0C6F6-2D95-4A66-B702-D3858BC1FC00}" dt="2019-09-26T09:36:15.929" v="25385"/>
          <ac:spMkLst>
            <pc:docMk/>
            <pc:sldMk cId="1279582212" sldId="257"/>
            <ac:spMk id="924" creationId="{FF1F9C03-D455-4BD2-AC08-86D6EED61831}"/>
          </ac:spMkLst>
        </pc:spChg>
        <pc:spChg chg="add del mod modVis">
          <ac:chgData name="Manuel Lidauer" userId="b55e45dd-c6cc-461d-bef5-835fc172e678" providerId="ADAL" clId="{BCD0C6F6-2D95-4A66-B702-D3858BC1FC00}" dt="2019-09-26T09:36:15.930" v="25387"/>
          <ac:spMkLst>
            <pc:docMk/>
            <pc:sldMk cId="1279582212" sldId="257"/>
            <ac:spMk id="925" creationId="{1BF3F5D2-1376-42B4-9305-2326D99DD6D4}"/>
          </ac:spMkLst>
        </pc:spChg>
        <pc:spChg chg="add del mod modVis">
          <ac:chgData name="Manuel Lidauer" userId="b55e45dd-c6cc-461d-bef5-835fc172e678" providerId="ADAL" clId="{BCD0C6F6-2D95-4A66-B702-D3858BC1FC00}" dt="2019-09-26T09:36:15.931" v="25389"/>
          <ac:spMkLst>
            <pc:docMk/>
            <pc:sldMk cId="1279582212" sldId="257"/>
            <ac:spMk id="926" creationId="{B0E5C31A-ADAA-4B47-8BA3-F3940957F60D}"/>
          </ac:spMkLst>
        </pc:spChg>
        <pc:spChg chg="add del mod modVis">
          <ac:chgData name="Manuel Lidauer" userId="b55e45dd-c6cc-461d-bef5-835fc172e678" providerId="ADAL" clId="{BCD0C6F6-2D95-4A66-B702-D3858BC1FC00}" dt="2019-09-26T09:36:15.931" v="25391"/>
          <ac:spMkLst>
            <pc:docMk/>
            <pc:sldMk cId="1279582212" sldId="257"/>
            <ac:spMk id="927" creationId="{45855590-5B19-4A25-946A-EEE4D1305E8E}"/>
          </ac:spMkLst>
        </pc:spChg>
        <pc:spChg chg="add del mod modVis">
          <ac:chgData name="Manuel Lidauer" userId="b55e45dd-c6cc-461d-bef5-835fc172e678" providerId="ADAL" clId="{BCD0C6F6-2D95-4A66-B702-D3858BC1FC00}" dt="2019-09-26T09:36:15.932" v="25393"/>
          <ac:spMkLst>
            <pc:docMk/>
            <pc:sldMk cId="1279582212" sldId="257"/>
            <ac:spMk id="928" creationId="{45C6C407-542E-4813-9FEC-F6BF9675F3B7}"/>
          </ac:spMkLst>
        </pc:spChg>
        <pc:spChg chg="add del mod modVis">
          <ac:chgData name="Manuel Lidauer" userId="b55e45dd-c6cc-461d-bef5-835fc172e678" providerId="ADAL" clId="{BCD0C6F6-2D95-4A66-B702-D3858BC1FC00}" dt="2019-09-26T09:36:15.932" v="25394"/>
          <ac:spMkLst>
            <pc:docMk/>
            <pc:sldMk cId="1279582212" sldId="257"/>
            <ac:spMk id="929" creationId="{E193CC8F-1FAF-48A5-BA5F-E4FA2B987D21}"/>
          </ac:spMkLst>
        </pc:spChg>
        <pc:spChg chg="add del mod modVis">
          <ac:chgData name="Manuel Lidauer" userId="b55e45dd-c6cc-461d-bef5-835fc172e678" providerId="ADAL" clId="{BCD0C6F6-2D95-4A66-B702-D3858BC1FC00}" dt="2019-09-26T09:36:15.933" v="25396"/>
          <ac:spMkLst>
            <pc:docMk/>
            <pc:sldMk cId="1279582212" sldId="257"/>
            <ac:spMk id="930" creationId="{C1767A1C-A0F0-4665-A6C3-F3824FCE83E2}"/>
          </ac:spMkLst>
        </pc:spChg>
        <pc:spChg chg="add del mod modVis">
          <ac:chgData name="Manuel Lidauer" userId="b55e45dd-c6cc-461d-bef5-835fc172e678" providerId="ADAL" clId="{BCD0C6F6-2D95-4A66-B702-D3858BC1FC00}" dt="2019-09-26T09:36:15.934" v="25398"/>
          <ac:spMkLst>
            <pc:docMk/>
            <pc:sldMk cId="1279582212" sldId="257"/>
            <ac:spMk id="931" creationId="{EC6E5682-02EA-47BE-97DB-A7CD93EDC225}"/>
          </ac:spMkLst>
        </pc:spChg>
        <pc:spChg chg="add del mod modVis">
          <ac:chgData name="Manuel Lidauer" userId="b55e45dd-c6cc-461d-bef5-835fc172e678" providerId="ADAL" clId="{BCD0C6F6-2D95-4A66-B702-D3858BC1FC00}" dt="2019-09-26T09:36:15.934" v="25400"/>
          <ac:spMkLst>
            <pc:docMk/>
            <pc:sldMk cId="1279582212" sldId="257"/>
            <ac:spMk id="932" creationId="{F4C133B6-A242-44DC-BFAD-EF3E80401C8C}"/>
          </ac:spMkLst>
        </pc:spChg>
        <pc:spChg chg="add del mod modVis">
          <ac:chgData name="Manuel Lidauer" userId="b55e45dd-c6cc-461d-bef5-835fc172e678" providerId="ADAL" clId="{BCD0C6F6-2D95-4A66-B702-D3858BC1FC00}" dt="2019-09-26T09:36:15.935" v="25402"/>
          <ac:spMkLst>
            <pc:docMk/>
            <pc:sldMk cId="1279582212" sldId="257"/>
            <ac:spMk id="933" creationId="{253DFA9F-E5DA-4062-B0F6-16C9002534B0}"/>
          </ac:spMkLst>
        </pc:spChg>
        <pc:spChg chg="add del mod modVis">
          <ac:chgData name="Manuel Lidauer" userId="b55e45dd-c6cc-461d-bef5-835fc172e678" providerId="ADAL" clId="{BCD0C6F6-2D95-4A66-B702-D3858BC1FC00}" dt="2019-09-26T09:36:15.936" v="25404"/>
          <ac:spMkLst>
            <pc:docMk/>
            <pc:sldMk cId="1279582212" sldId="257"/>
            <ac:spMk id="934" creationId="{BFE86197-D1BA-43DC-8B57-757FFAADFA1C}"/>
          </ac:spMkLst>
        </pc:spChg>
        <pc:spChg chg="add del mod modVis">
          <ac:chgData name="Manuel Lidauer" userId="b55e45dd-c6cc-461d-bef5-835fc172e678" providerId="ADAL" clId="{BCD0C6F6-2D95-4A66-B702-D3858BC1FC00}" dt="2019-09-26T09:36:15.937" v="25406"/>
          <ac:spMkLst>
            <pc:docMk/>
            <pc:sldMk cId="1279582212" sldId="257"/>
            <ac:spMk id="935" creationId="{4E62203F-7187-4E86-B1F9-6E79884316AE}"/>
          </ac:spMkLst>
        </pc:spChg>
        <pc:spChg chg="add del mod modVis">
          <ac:chgData name="Manuel Lidauer" userId="b55e45dd-c6cc-461d-bef5-835fc172e678" providerId="ADAL" clId="{BCD0C6F6-2D95-4A66-B702-D3858BC1FC00}" dt="2019-09-26T09:36:15.938" v="25408"/>
          <ac:spMkLst>
            <pc:docMk/>
            <pc:sldMk cId="1279582212" sldId="257"/>
            <ac:spMk id="936" creationId="{82BDD9A4-A2DA-4411-8735-CAE68CC312BA}"/>
          </ac:spMkLst>
        </pc:spChg>
        <pc:spChg chg="add del mod modVis">
          <ac:chgData name="Manuel Lidauer" userId="b55e45dd-c6cc-461d-bef5-835fc172e678" providerId="ADAL" clId="{BCD0C6F6-2D95-4A66-B702-D3858BC1FC00}" dt="2019-09-26T09:36:15.939" v="25409"/>
          <ac:spMkLst>
            <pc:docMk/>
            <pc:sldMk cId="1279582212" sldId="257"/>
            <ac:spMk id="937" creationId="{906D6B70-3261-49EF-816E-315107CB5DC7}"/>
          </ac:spMkLst>
        </pc:spChg>
        <pc:spChg chg="add del mod modVis">
          <ac:chgData name="Manuel Lidauer" userId="b55e45dd-c6cc-461d-bef5-835fc172e678" providerId="ADAL" clId="{BCD0C6F6-2D95-4A66-B702-D3858BC1FC00}" dt="2019-09-26T09:36:15.939" v="25411"/>
          <ac:spMkLst>
            <pc:docMk/>
            <pc:sldMk cId="1279582212" sldId="257"/>
            <ac:spMk id="938" creationId="{5D83E53F-EB48-4749-A01A-6759FC37433B}"/>
          </ac:spMkLst>
        </pc:spChg>
        <pc:spChg chg="add del mod modVis">
          <ac:chgData name="Manuel Lidauer" userId="b55e45dd-c6cc-461d-bef5-835fc172e678" providerId="ADAL" clId="{BCD0C6F6-2D95-4A66-B702-D3858BC1FC00}" dt="2019-09-26T09:36:15.940" v="25413"/>
          <ac:spMkLst>
            <pc:docMk/>
            <pc:sldMk cId="1279582212" sldId="257"/>
            <ac:spMk id="939" creationId="{4F506DB1-3EA8-4C0C-8F0A-E2A04D109D06}"/>
          </ac:spMkLst>
        </pc:spChg>
        <pc:spChg chg="add del mod modVis">
          <ac:chgData name="Manuel Lidauer" userId="b55e45dd-c6cc-461d-bef5-835fc172e678" providerId="ADAL" clId="{BCD0C6F6-2D95-4A66-B702-D3858BC1FC00}" dt="2019-09-26T09:36:15.941" v="25415"/>
          <ac:spMkLst>
            <pc:docMk/>
            <pc:sldMk cId="1279582212" sldId="257"/>
            <ac:spMk id="940" creationId="{6226EE1C-C4A6-4DED-A9CE-F8609BD9247B}"/>
          </ac:spMkLst>
        </pc:spChg>
        <pc:spChg chg="add del mod modVis">
          <ac:chgData name="Manuel Lidauer" userId="b55e45dd-c6cc-461d-bef5-835fc172e678" providerId="ADAL" clId="{BCD0C6F6-2D95-4A66-B702-D3858BC1FC00}" dt="2019-09-26T09:36:15.941" v="25417"/>
          <ac:spMkLst>
            <pc:docMk/>
            <pc:sldMk cId="1279582212" sldId="257"/>
            <ac:spMk id="941" creationId="{C25097D9-2B6F-49A3-842C-ED923E99D8C1}"/>
          </ac:spMkLst>
        </pc:spChg>
        <pc:spChg chg="add del mod modVis">
          <ac:chgData name="Manuel Lidauer" userId="b55e45dd-c6cc-461d-bef5-835fc172e678" providerId="ADAL" clId="{BCD0C6F6-2D95-4A66-B702-D3858BC1FC00}" dt="2019-09-26T09:36:15.942" v="25419"/>
          <ac:spMkLst>
            <pc:docMk/>
            <pc:sldMk cId="1279582212" sldId="257"/>
            <ac:spMk id="942" creationId="{66F489F9-70E4-4634-9845-56E23BE0552A}"/>
          </ac:spMkLst>
        </pc:spChg>
        <pc:spChg chg="add del mod modVis">
          <ac:chgData name="Manuel Lidauer" userId="b55e45dd-c6cc-461d-bef5-835fc172e678" providerId="ADAL" clId="{BCD0C6F6-2D95-4A66-B702-D3858BC1FC00}" dt="2019-09-26T09:36:15.943" v="25421"/>
          <ac:spMkLst>
            <pc:docMk/>
            <pc:sldMk cId="1279582212" sldId="257"/>
            <ac:spMk id="943" creationId="{1FDDF734-B006-4711-BE79-7E44C8CEC62B}"/>
          </ac:spMkLst>
        </pc:spChg>
        <pc:spChg chg="add del mod modVis">
          <ac:chgData name="Manuel Lidauer" userId="b55e45dd-c6cc-461d-bef5-835fc172e678" providerId="ADAL" clId="{BCD0C6F6-2D95-4A66-B702-D3858BC1FC00}" dt="2019-09-26T09:36:15.943" v="25423"/>
          <ac:spMkLst>
            <pc:docMk/>
            <pc:sldMk cId="1279582212" sldId="257"/>
            <ac:spMk id="944" creationId="{14C07EF3-CC5A-4B34-9BD9-CE6554AB223A}"/>
          </ac:spMkLst>
        </pc:spChg>
        <pc:spChg chg="add del mod modVis">
          <ac:chgData name="Manuel Lidauer" userId="b55e45dd-c6cc-461d-bef5-835fc172e678" providerId="ADAL" clId="{BCD0C6F6-2D95-4A66-B702-D3858BC1FC00}" dt="2019-09-26T09:36:15.944" v="25424"/>
          <ac:spMkLst>
            <pc:docMk/>
            <pc:sldMk cId="1279582212" sldId="257"/>
            <ac:spMk id="945" creationId="{D3B32906-2B4F-45DA-9673-F20B6E982CC4}"/>
          </ac:spMkLst>
        </pc:spChg>
        <pc:spChg chg="add del mod modVis">
          <ac:chgData name="Manuel Lidauer" userId="b55e45dd-c6cc-461d-bef5-835fc172e678" providerId="ADAL" clId="{BCD0C6F6-2D95-4A66-B702-D3858BC1FC00}" dt="2019-09-26T09:36:15.944" v="25426"/>
          <ac:spMkLst>
            <pc:docMk/>
            <pc:sldMk cId="1279582212" sldId="257"/>
            <ac:spMk id="946" creationId="{59C54ABC-4CC3-42B2-8312-C10C8A51959F}"/>
          </ac:spMkLst>
        </pc:spChg>
        <pc:spChg chg="add del mod modVis">
          <ac:chgData name="Manuel Lidauer" userId="b55e45dd-c6cc-461d-bef5-835fc172e678" providerId="ADAL" clId="{BCD0C6F6-2D95-4A66-B702-D3858BC1FC00}" dt="2019-09-26T09:36:15.945" v="25428"/>
          <ac:spMkLst>
            <pc:docMk/>
            <pc:sldMk cId="1279582212" sldId="257"/>
            <ac:spMk id="947" creationId="{015E6C97-3352-48F4-B059-63CE3E95547C}"/>
          </ac:spMkLst>
        </pc:spChg>
        <pc:spChg chg="add del mod modVis">
          <ac:chgData name="Manuel Lidauer" userId="b55e45dd-c6cc-461d-bef5-835fc172e678" providerId="ADAL" clId="{BCD0C6F6-2D95-4A66-B702-D3858BC1FC00}" dt="2019-09-26T09:36:15.946" v="25430"/>
          <ac:spMkLst>
            <pc:docMk/>
            <pc:sldMk cId="1279582212" sldId="257"/>
            <ac:spMk id="948" creationId="{4946C6B2-01A4-4C3A-A635-F07959BDB179}"/>
          </ac:spMkLst>
        </pc:spChg>
        <pc:spChg chg="add del mod modVis">
          <ac:chgData name="Manuel Lidauer" userId="b55e45dd-c6cc-461d-bef5-835fc172e678" providerId="ADAL" clId="{BCD0C6F6-2D95-4A66-B702-D3858BC1FC00}" dt="2019-09-26T09:36:15.946" v="25432"/>
          <ac:spMkLst>
            <pc:docMk/>
            <pc:sldMk cId="1279582212" sldId="257"/>
            <ac:spMk id="949" creationId="{D2D486C0-65FD-4B3D-888B-B582A71CE256}"/>
          </ac:spMkLst>
        </pc:spChg>
        <pc:spChg chg="add del mod modVis">
          <ac:chgData name="Manuel Lidauer" userId="b55e45dd-c6cc-461d-bef5-835fc172e678" providerId="ADAL" clId="{BCD0C6F6-2D95-4A66-B702-D3858BC1FC00}" dt="2019-09-26T09:36:15.947" v="25434"/>
          <ac:spMkLst>
            <pc:docMk/>
            <pc:sldMk cId="1279582212" sldId="257"/>
            <ac:spMk id="950" creationId="{BBF21F57-228A-40D9-8FEF-8FA5E713FFB0}"/>
          </ac:spMkLst>
        </pc:spChg>
        <pc:spChg chg="add del mod modVis">
          <ac:chgData name="Manuel Lidauer" userId="b55e45dd-c6cc-461d-bef5-835fc172e678" providerId="ADAL" clId="{BCD0C6F6-2D95-4A66-B702-D3858BC1FC00}" dt="2019-09-26T09:36:15.948" v="25436"/>
          <ac:spMkLst>
            <pc:docMk/>
            <pc:sldMk cId="1279582212" sldId="257"/>
            <ac:spMk id="951" creationId="{B0F5193E-0281-4EA4-8B79-9D5E3F78E55D}"/>
          </ac:spMkLst>
        </pc:spChg>
        <pc:spChg chg="add del mod modVis">
          <ac:chgData name="Manuel Lidauer" userId="b55e45dd-c6cc-461d-bef5-835fc172e678" providerId="ADAL" clId="{BCD0C6F6-2D95-4A66-B702-D3858BC1FC00}" dt="2019-09-26T09:36:15.948" v="25438"/>
          <ac:spMkLst>
            <pc:docMk/>
            <pc:sldMk cId="1279582212" sldId="257"/>
            <ac:spMk id="952" creationId="{A1A50EFF-DEF5-4480-A150-C42ECBD11D66}"/>
          </ac:spMkLst>
        </pc:spChg>
        <pc:spChg chg="add del mod modVis">
          <ac:chgData name="Manuel Lidauer" userId="b55e45dd-c6cc-461d-bef5-835fc172e678" providerId="ADAL" clId="{BCD0C6F6-2D95-4A66-B702-D3858BC1FC00}" dt="2019-09-26T09:36:15.949" v="25439"/>
          <ac:spMkLst>
            <pc:docMk/>
            <pc:sldMk cId="1279582212" sldId="257"/>
            <ac:spMk id="953" creationId="{AC6040A8-7C97-494E-9D61-BD717EEDB272}"/>
          </ac:spMkLst>
        </pc:spChg>
        <pc:spChg chg="add del mod modVis">
          <ac:chgData name="Manuel Lidauer" userId="b55e45dd-c6cc-461d-bef5-835fc172e678" providerId="ADAL" clId="{BCD0C6F6-2D95-4A66-B702-D3858BC1FC00}" dt="2019-09-26T09:36:15.949" v="25441"/>
          <ac:spMkLst>
            <pc:docMk/>
            <pc:sldMk cId="1279582212" sldId="257"/>
            <ac:spMk id="954" creationId="{8337BE20-6BF4-4BB2-8316-3B318221E387}"/>
          </ac:spMkLst>
        </pc:spChg>
        <pc:spChg chg="add del mod modVis">
          <ac:chgData name="Manuel Lidauer" userId="b55e45dd-c6cc-461d-bef5-835fc172e678" providerId="ADAL" clId="{BCD0C6F6-2D95-4A66-B702-D3858BC1FC00}" dt="2019-09-26T09:36:15.950" v="25443"/>
          <ac:spMkLst>
            <pc:docMk/>
            <pc:sldMk cId="1279582212" sldId="257"/>
            <ac:spMk id="955" creationId="{8B275709-DB1E-4870-BED9-22FC1A04B0C9}"/>
          </ac:spMkLst>
        </pc:spChg>
        <pc:spChg chg="add del mod modVis">
          <ac:chgData name="Manuel Lidauer" userId="b55e45dd-c6cc-461d-bef5-835fc172e678" providerId="ADAL" clId="{BCD0C6F6-2D95-4A66-B702-D3858BC1FC00}" dt="2019-09-26T09:36:15.951" v="25445"/>
          <ac:spMkLst>
            <pc:docMk/>
            <pc:sldMk cId="1279582212" sldId="257"/>
            <ac:spMk id="956" creationId="{D851FB16-2DCD-4CBD-A0F2-A870607CE0E3}"/>
          </ac:spMkLst>
        </pc:spChg>
        <pc:spChg chg="add del mod modVis">
          <ac:chgData name="Manuel Lidauer" userId="b55e45dd-c6cc-461d-bef5-835fc172e678" providerId="ADAL" clId="{BCD0C6F6-2D95-4A66-B702-D3858BC1FC00}" dt="2019-09-26T09:36:15.951" v="25447"/>
          <ac:spMkLst>
            <pc:docMk/>
            <pc:sldMk cId="1279582212" sldId="257"/>
            <ac:spMk id="957" creationId="{2E806074-ECEE-49EC-A900-25D7FE29EFAB}"/>
          </ac:spMkLst>
        </pc:spChg>
        <pc:spChg chg="add del mod modVis">
          <ac:chgData name="Manuel Lidauer" userId="b55e45dd-c6cc-461d-bef5-835fc172e678" providerId="ADAL" clId="{BCD0C6F6-2D95-4A66-B702-D3858BC1FC00}" dt="2019-09-26T09:36:15.952" v="25449"/>
          <ac:spMkLst>
            <pc:docMk/>
            <pc:sldMk cId="1279582212" sldId="257"/>
            <ac:spMk id="958" creationId="{34D98B87-8D12-4776-93AA-B865F3F620EE}"/>
          </ac:spMkLst>
        </pc:spChg>
        <pc:spChg chg="add del mod modVis">
          <ac:chgData name="Manuel Lidauer" userId="b55e45dd-c6cc-461d-bef5-835fc172e678" providerId="ADAL" clId="{BCD0C6F6-2D95-4A66-B702-D3858BC1FC00}" dt="2019-09-26T09:36:15.953" v="25451"/>
          <ac:spMkLst>
            <pc:docMk/>
            <pc:sldMk cId="1279582212" sldId="257"/>
            <ac:spMk id="959" creationId="{F2A617C4-6B80-412D-8806-9D2F8A34ABD4}"/>
          </ac:spMkLst>
        </pc:spChg>
        <pc:spChg chg="add del mod modVis">
          <ac:chgData name="Manuel Lidauer" userId="b55e45dd-c6cc-461d-bef5-835fc172e678" providerId="ADAL" clId="{BCD0C6F6-2D95-4A66-B702-D3858BC1FC00}" dt="2019-09-26T09:36:15.954" v="25453"/>
          <ac:spMkLst>
            <pc:docMk/>
            <pc:sldMk cId="1279582212" sldId="257"/>
            <ac:spMk id="960" creationId="{0D451D27-DFD2-4030-95C4-BFA26B6E9328}"/>
          </ac:spMkLst>
        </pc:spChg>
        <pc:spChg chg="add del mod modVis">
          <ac:chgData name="Manuel Lidauer" userId="b55e45dd-c6cc-461d-bef5-835fc172e678" providerId="ADAL" clId="{BCD0C6F6-2D95-4A66-B702-D3858BC1FC00}" dt="2019-09-26T09:36:15.954" v="25454"/>
          <ac:spMkLst>
            <pc:docMk/>
            <pc:sldMk cId="1279582212" sldId="257"/>
            <ac:spMk id="961" creationId="{FCD80A19-5688-4CD6-8071-CC73BD834A98}"/>
          </ac:spMkLst>
        </pc:spChg>
        <pc:spChg chg="add del mod modVis">
          <ac:chgData name="Manuel Lidauer" userId="b55e45dd-c6cc-461d-bef5-835fc172e678" providerId="ADAL" clId="{BCD0C6F6-2D95-4A66-B702-D3858BC1FC00}" dt="2019-09-26T09:36:15.956" v="25456"/>
          <ac:spMkLst>
            <pc:docMk/>
            <pc:sldMk cId="1279582212" sldId="257"/>
            <ac:spMk id="962" creationId="{81D097F4-BEEA-4350-97F4-976F51AA82F7}"/>
          </ac:spMkLst>
        </pc:spChg>
        <pc:spChg chg="add del mod modVis">
          <ac:chgData name="Manuel Lidauer" userId="b55e45dd-c6cc-461d-bef5-835fc172e678" providerId="ADAL" clId="{BCD0C6F6-2D95-4A66-B702-D3858BC1FC00}" dt="2019-09-26T09:36:15.956" v="25458"/>
          <ac:spMkLst>
            <pc:docMk/>
            <pc:sldMk cId="1279582212" sldId="257"/>
            <ac:spMk id="963" creationId="{49324F8D-EBDC-4D86-80DD-0FE8B0445A85}"/>
          </ac:spMkLst>
        </pc:spChg>
        <pc:spChg chg="add del mod modVis">
          <ac:chgData name="Manuel Lidauer" userId="b55e45dd-c6cc-461d-bef5-835fc172e678" providerId="ADAL" clId="{BCD0C6F6-2D95-4A66-B702-D3858BC1FC00}" dt="2019-09-26T09:36:15.957" v="25460"/>
          <ac:spMkLst>
            <pc:docMk/>
            <pc:sldMk cId="1279582212" sldId="257"/>
            <ac:spMk id="964" creationId="{A38C087B-F35C-419F-9CAC-8202F902771C}"/>
          </ac:spMkLst>
        </pc:spChg>
        <pc:spChg chg="add del mod modVis">
          <ac:chgData name="Manuel Lidauer" userId="b55e45dd-c6cc-461d-bef5-835fc172e678" providerId="ADAL" clId="{BCD0C6F6-2D95-4A66-B702-D3858BC1FC00}" dt="2019-09-26T09:36:15.957" v="25462"/>
          <ac:spMkLst>
            <pc:docMk/>
            <pc:sldMk cId="1279582212" sldId="257"/>
            <ac:spMk id="965" creationId="{AEF8E429-FE66-434F-BCCF-514F924AA5D9}"/>
          </ac:spMkLst>
        </pc:spChg>
        <pc:spChg chg="add del mod modVis">
          <ac:chgData name="Manuel Lidauer" userId="b55e45dd-c6cc-461d-bef5-835fc172e678" providerId="ADAL" clId="{BCD0C6F6-2D95-4A66-B702-D3858BC1FC00}" dt="2019-09-26T09:36:15.958" v="25464"/>
          <ac:spMkLst>
            <pc:docMk/>
            <pc:sldMk cId="1279582212" sldId="257"/>
            <ac:spMk id="966" creationId="{C0D0ED76-DC9B-46AC-9DDE-26FD32DFA9E7}"/>
          </ac:spMkLst>
        </pc:spChg>
        <pc:spChg chg="add del mod modVis">
          <ac:chgData name="Manuel Lidauer" userId="b55e45dd-c6cc-461d-bef5-835fc172e678" providerId="ADAL" clId="{BCD0C6F6-2D95-4A66-B702-D3858BC1FC00}" dt="2019-09-26T09:36:15.959" v="25466"/>
          <ac:spMkLst>
            <pc:docMk/>
            <pc:sldMk cId="1279582212" sldId="257"/>
            <ac:spMk id="967" creationId="{7883B002-F5DD-4CA3-8CF9-C3250C801364}"/>
          </ac:spMkLst>
        </pc:spChg>
        <pc:spChg chg="add del mod modVis">
          <ac:chgData name="Manuel Lidauer" userId="b55e45dd-c6cc-461d-bef5-835fc172e678" providerId="ADAL" clId="{BCD0C6F6-2D95-4A66-B702-D3858BC1FC00}" dt="2019-09-26T09:36:15.960" v="25468"/>
          <ac:spMkLst>
            <pc:docMk/>
            <pc:sldMk cId="1279582212" sldId="257"/>
            <ac:spMk id="968" creationId="{F508B442-7E30-45E5-8BF1-6AC6DF956E52}"/>
          </ac:spMkLst>
        </pc:spChg>
        <pc:spChg chg="add del mod modVis">
          <ac:chgData name="Manuel Lidauer" userId="b55e45dd-c6cc-461d-bef5-835fc172e678" providerId="ADAL" clId="{BCD0C6F6-2D95-4A66-B702-D3858BC1FC00}" dt="2019-09-26T09:36:15.960" v="25469"/>
          <ac:spMkLst>
            <pc:docMk/>
            <pc:sldMk cId="1279582212" sldId="257"/>
            <ac:spMk id="969" creationId="{4BB08D89-3C1E-4D40-8716-44CED907FDAF}"/>
          </ac:spMkLst>
        </pc:spChg>
        <pc:spChg chg="add del mod modVis">
          <ac:chgData name="Manuel Lidauer" userId="b55e45dd-c6cc-461d-bef5-835fc172e678" providerId="ADAL" clId="{BCD0C6F6-2D95-4A66-B702-D3858BC1FC00}" dt="2019-09-26T09:36:15.961" v="25471"/>
          <ac:spMkLst>
            <pc:docMk/>
            <pc:sldMk cId="1279582212" sldId="257"/>
            <ac:spMk id="970" creationId="{FED19EF0-0190-4D1E-A022-E72057083DDB}"/>
          </ac:spMkLst>
        </pc:spChg>
        <pc:spChg chg="add del mod modVis">
          <ac:chgData name="Manuel Lidauer" userId="b55e45dd-c6cc-461d-bef5-835fc172e678" providerId="ADAL" clId="{BCD0C6F6-2D95-4A66-B702-D3858BC1FC00}" dt="2019-09-26T09:36:15.962" v="25473"/>
          <ac:spMkLst>
            <pc:docMk/>
            <pc:sldMk cId="1279582212" sldId="257"/>
            <ac:spMk id="971" creationId="{547F0BE1-7EF5-4ACA-BF87-408FED4F3A72}"/>
          </ac:spMkLst>
        </pc:spChg>
        <pc:spChg chg="add del mod modVis">
          <ac:chgData name="Manuel Lidauer" userId="b55e45dd-c6cc-461d-bef5-835fc172e678" providerId="ADAL" clId="{BCD0C6F6-2D95-4A66-B702-D3858BC1FC00}" dt="2019-09-26T09:36:15.962" v="25475"/>
          <ac:spMkLst>
            <pc:docMk/>
            <pc:sldMk cId="1279582212" sldId="257"/>
            <ac:spMk id="972" creationId="{85596F1B-4FBE-494E-ACFF-6CA3E6EC7FAF}"/>
          </ac:spMkLst>
        </pc:spChg>
        <pc:spChg chg="add del mod modVis">
          <ac:chgData name="Manuel Lidauer" userId="b55e45dd-c6cc-461d-bef5-835fc172e678" providerId="ADAL" clId="{BCD0C6F6-2D95-4A66-B702-D3858BC1FC00}" dt="2019-09-26T09:36:15.963" v="25477"/>
          <ac:spMkLst>
            <pc:docMk/>
            <pc:sldMk cId="1279582212" sldId="257"/>
            <ac:spMk id="973" creationId="{B4D93747-9102-420A-A827-2BFA29A1D6C3}"/>
          </ac:spMkLst>
        </pc:spChg>
        <pc:spChg chg="add del mod modVis">
          <ac:chgData name="Manuel Lidauer" userId="b55e45dd-c6cc-461d-bef5-835fc172e678" providerId="ADAL" clId="{BCD0C6F6-2D95-4A66-B702-D3858BC1FC00}" dt="2019-09-26T09:36:15.964" v="25479"/>
          <ac:spMkLst>
            <pc:docMk/>
            <pc:sldMk cId="1279582212" sldId="257"/>
            <ac:spMk id="974" creationId="{D99317FD-89AE-445F-AA0E-D4EDE9075C98}"/>
          </ac:spMkLst>
        </pc:spChg>
        <pc:spChg chg="add del mod modVis">
          <ac:chgData name="Manuel Lidauer" userId="b55e45dd-c6cc-461d-bef5-835fc172e678" providerId="ADAL" clId="{BCD0C6F6-2D95-4A66-B702-D3858BC1FC00}" dt="2019-09-26T09:36:15.964" v="25481"/>
          <ac:spMkLst>
            <pc:docMk/>
            <pc:sldMk cId="1279582212" sldId="257"/>
            <ac:spMk id="975" creationId="{8C341368-AD24-4FBC-AAE8-61A16204EF1D}"/>
          </ac:spMkLst>
        </pc:spChg>
        <pc:spChg chg="add del mod modVis">
          <ac:chgData name="Manuel Lidauer" userId="b55e45dd-c6cc-461d-bef5-835fc172e678" providerId="ADAL" clId="{BCD0C6F6-2D95-4A66-B702-D3858BC1FC00}" dt="2019-09-26T09:36:15.965" v="25483"/>
          <ac:spMkLst>
            <pc:docMk/>
            <pc:sldMk cId="1279582212" sldId="257"/>
            <ac:spMk id="976" creationId="{D5EC4869-292F-4682-9C7A-9C46FA66B876}"/>
          </ac:spMkLst>
        </pc:spChg>
        <pc:spChg chg="add del mod modVis">
          <ac:chgData name="Manuel Lidauer" userId="b55e45dd-c6cc-461d-bef5-835fc172e678" providerId="ADAL" clId="{BCD0C6F6-2D95-4A66-B702-D3858BC1FC00}" dt="2019-09-26T09:36:15.965" v="25484"/>
          <ac:spMkLst>
            <pc:docMk/>
            <pc:sldMk cId="1279582212" sldId="257"/>
            <ac:spMk id="977" creationId="{06FEBBC2-7EF2-4D4C-A8F1-5D474E919471}"/>
          </ac:spMkLst>
        </pc:spChg>
        <pc:spChg chg="add del mod modVis">
          <ac:chgData name="Manuel Lidauer" userId="b55e45dd-c6cc-461d-bef5-835fc172e678" providerId="ADAL" clId="{BCD0C6F6-2D95-4A66-B702-D3858BC1FC00}" dt="2019-09-26T09:36:15.966" v="25486"/>
          <ac:spMkLst>
            <pc:docMk/>
            <pc:sldMk cId="1279582212" sldId="257"/>
            <ac:spMk id="978" creationId="{49EE66C1-31CA-4285-8628-FCC70ACFA991}"/>
          </ac:spMkLst>
        </pc:spChg>
        <pc:spChg chg="add del mod modVis">
          <ac:chgData name="Manuel Lidauer" userId="b55e45dd-c6cc-461d-bef5-835fc172e678" providerId="ADAL" clId="{BCD0C6F6-2D95-4A66-B702-D3858BC1FC00}" dt="2019-09-26T09:36:15.967" v="25488"/>
          <ac:spMkLst>
            <pc:docMk/>
            <pc:sldMk cId="1279582212" sldId="257"/>
            <ac:spMk id="979" creationId="{4BDFB6B0-4842-49A1-A03E-91F949A3883B}"/>
          </ac:spMkLst>
        </pc:spChg>
        <pc:spChg chg="add del mod modVis">
          <ac:chgData name="Manuel Lidauer" userId="b55e45dd-c6cc-461d-bef5-835fc172e678" providerId="ADAL" clId="{BCD0C6F6-2D95-4A66-B702-D3858BC1FC00}" dt="2019-09-26T09:36:15.967" v="25490"/>
          <ac:spMkLst>
            <pc:docMk/>
            <pc:sldMk cId="1279582212" sldId="257"/>
            <ac:spMk id="980" creationId="{AAF9AE24-C527-409C-8044-DADEEB3425AC}"/>
          </ac:spMkLst>
        </pc:spChg>
        <pc:spChg chg="add del mod modVis">
          <ac:chgData name="Manuel Lidauer" userId="b55e45dd-c6cc-461d-bef5-835fc172e678" providerId="ADAL" clId="{BCD0C6F6-2D95-4A66-B702-D3858BC1FC00}" dt="2019-09-26T09:36:15.968" v="25492"/>
          <ac:spMkLst>
            <pc:docMk/>
            <pc:sldMk cId="1279582212" sldId="257"/>
            <ac:spMk id="981" creationId="{6C5D7CD4-98EA-4F0F-BAA3-C9F7EE68FF05}"/>
          </ac:spMkLst>
        </pc:spChg>
        <pc:spChg chg="add del mod modVis">
          <ac:chgData name="Manuel Lidauer" userId="b55e45dd-c6cc-461d-bef5-835fc172e678" providerId="ADAL" clId="{BCD0C6F6-2D95-4A66-B702-D3858BC1FC00}" dt="2019-09-26T09:36:15.969" v="25494"/>
          <ac:spMkLst>
            <pc:docMk/>
            <pc:sldMk cId="1279582212" sldId="257"/>
            <ac:spMk id="982" creationId="{76DE4741-9E94-4839-B0FD-354033C23239}"/>
          </ac:spMkLst>
        </pc:spChg>
        <pc:spChg chg="add del mod modVis">
          <ac:chgData name="Manuel Lidauer" userId="b55e45dd-c6cc-461d-bef5-835fc172e678" providerId="ADAL" clId="{BCD0C6F6-2D95-4A66-B702-D3858BC1FC00}" dt="2019-09-26T09:36:15.971" v="25496"/>
          <ac:spMkLst>
            <pc:docMk/>
            <pc:sldMk cId="1279582212" sldId="257"/>
            <ac:spMk id="983" creationId="{1174DD21-FEF5-48F9-B77A-6520F80151D8}"/>
          </ac:spMkLst>
        </pc:spChg>
        <pc:spChg chg="add del mod modVis">
          <ac:chgData name="Manuel Lidauer" userId="b55e45dd-c6cc-461d-bef5-835fc172e678" providerId="ADAL" clId="{BCD0C6F6-2D95-4A66-B702-D3858BC1FC00}" dt="2019-09-26T09:36:15.972" v="25498"/>
          <ac:spMkLst>
            <pc:docMk/>
            <pc:sldMk cId="1279582212" sldId="257"/>
            <ac:spMk id="984" creationId="{6BC0589D-6253-4185-9E83-F938FF68D258}"/>
          </ac:spMkLst>
        </pc:spChg>
        <pc:spChg chg="add del mod modVis">
          <ac:chgData name="Manuel Lidauer" userId="b55e45dd-c6cc-461d-bef5-835fc172e678" providerId="ADAL" clId="{BCD0C6F6-2D95-4A66-B702-D3858BC1FC00}" dt="2019-09-26T09:36:15.972" v="25499"/>
          <ac:spMkLst>
            <pc:docMk/>
            <pc:sldMk cId="1279582212" sldId="257"/>
            <ac:spMk id="985" creationId="{713F4F25-3043-447C-95F1-94A45C6E20E8}"/>
          </ac:spMkLst>
        </pc:spChg>
        <pc:spChg chg="add del mod modVis">
          <ac:chgData name="Manuel Lidauer" userId="b55e45dd-c6cc-461d-bef5-835fc172e678" providerId="ADAL" clId="{BCD0C6F6-2D95-4A66-B702-D3858BC1FC00}" dt="2019-09-26T09:36:15.973" v="25501"/>
          <ac:spMkLst>
            <pc:docMk/>
            <pc:sldMk cId="1279582212" sldId="257"/>
            <ac:spMk id="986" creationId="{7EE5CFA2-6F94-4533-B1C3-342178DAC509}"/>
          </ac:spMkLst>
        </pc:spChg>
        <pc:spChg chg="add del mod modVis">
          <ac:chgData name="Manuel Lidauer" userId="b55e45dd-c6cc-461d-bef5-835fc172e678" providerId="ADAL" clId="{BCD0C6F6-2D95-4A66-B702-D3858BC1FC00}" dt="2019-09-26T09:36:15.974" v="25503"/>
          <ac:spMkLst>
            <pc:docMk/>
            <pc:sldMk cId="1279582212" sldId="257"/>
            <ac:spMk id="987" creationId="{A6CBDBC8-BF5A-4C53-B82F-C2BBA4FE6C2A}"/>
          </ac:spMkLst>
        </pc:spChg>
        <pc:spChg chg="add del mod modVis">
          <ac:chgData name="Manuel Lidauer" userId="b55e45dd-c6cc-461d-bef5-835fc172e678" providerId="ADAL" clId="{BCD0C6F6-2D95-4A66-B702-D3858BC1FC00}" dt="2019-09-26T09:36:15.975" v="25505"/>
          <ac:spMkLst>
            <pc:docMk/>
            <pc:sldMk cId="1279582212" sldId="257"/>
            <ac:spMk id="988" creationId="{6200E5DC-FE3D-4284-A838-7F8136A6647E}"/>
          </ac:spMkLst>
        </pc:spChg>
        <pc:spChg chg="add del mod modVis">
          <ac:chgData name="Manuel Lidauer" userId="b55e45dd-c6cc-461d-bef5-835fc172e678" providerId="ADAL" clId="{BCD0C6F6-2D95-4A66-B702-D3858BC1FC00}" dt="2019-09-26T09:36:15.975" v="25507"/>
          <ac:spMkLst>
            <pc:docMk/>
            <pc:sldMk cId="1279582212" sldId="257"/>
            <ac:spMk id="989" creationId="{19FDF9A3-A2C4-4514-A467-8E5AB078F343}"/>
          </ac:spMkLst>
        </pc:spChg>
        <pc:spChg chg="add del mod modVis">
          <ac:chgData name="Manuel Lidauer" userId="b55e45dd-c6cc-461d-bef5-835fc172e678" providerId="ADAL" clId="{BCD0C6F6-2D95-4A66-B702-D3858BC1FC00}" dt="2019-09-26T09:36:15.976" v="25509"/>
          <ac:spMkLst>
            <pc:docMk/>
            <pc:sldMk cId="1279582212" sldId="257"/>
            <ac:spMk id="990" creationId="{F019F890-2F61-456F-BB15-B0A62750AE81}"/>
          </ac:spMkLst>
        </pc:spChg>
        <pc:spChg chg="add del mod modVis">
          <ac:chgData name="Manuel Lidauer" userId="b55e45dd-c6cc-461d-bef5-835fc172e678" providerId="ADAL" clId="{BCD0C6F6-2D95-4A66-B702-D3858BC1FC00}" dt="2019-09-26T09:36:15.976" v="25511"/>
          <ac:spMkLst>
            <pc:docMk/>
            <pc:sldMk cId="1279582212" sldId="257"/>
            <ac:spMk id="991" creationId="{51856522-2376-465F-A1E6-D98CAC028584}"/>
          </ac:spMkLst>
        </pc:spChg>
        <pc:spChg chg="add del mod modVis">
          <ac:chgData name="Manuel Lidauer" userId="b55e45dd-c6cc-461d-bef5-835fc172e678" providerId="ADAL" clId="{BCD0C6F6-2D95-4A66-B702-D3858BC1FC00}" dt="2019-09-26T09:36:15.977" v="25513"/>
          <ac:spMkLst>
            <pc:docMk/>
            <pc:sldMk cId="1279582212" sldId="257"/>
            <ac:spMk id="992" creationId="{85AE48D4-09E5-4920-95F6-297D266A823C}"/>
          </ac:spMkLst>
        </pc:spChg>
        <pc:spChg chg="add del mod modVis">
          <ac:chgData name="Manuel Lidauer" userId="b55e45dd-c6cc-461d-bef5-835fc172e678" providerId="ADAL" clId="{BCD0C6F6-2D95-4A66-B702-D3858BC1FC00}" dt="2019-09-26T09:36:15.977" v="25514"/>
          <ac:spMkLst>
            <pc:docMk/>
            <pc:sldMk cId="1279582212" sldId="257"/>
            <ac:spMk id="993" creationId="{63AB58C7-FC23-44DF-9F61-76FBEB9C7CB9}"/>
          </ac:spMkLst>
        </pc:spChg>
        <pc:spChg chg="add del mod modVis">
          <ac:chgData name="Manuel Lidauer" userId="b55e45dd-c6cc-461d-bef5-835fc172e678" providerId="ADAL" clId="{BCD0C6F6-2D95-4A66-B702-D3858BC1FC00}" dt="2019-09-26T09:36:15.978" v="25516"/>
          <ac:spMkLst>
            <pc:docMk/>
            <pc:sldMk cId="1279582212" sldId="257"/>
            <ac:spMk id="994" creationId="{A5613F36-A236-4407-B3A6-D601AE5DA541}"/>
          </ac:spMkLst>
        </pc:spChg>
        <pc:spChg chg="add del mod modVis">
          <ac:chgData name="Manuel Lidauer" userId="b55e45dd-c6cc-461d-bef5-835fc172e678" providerId="ADAL" clId="{BCD0C6F6-2D95-4A66-B702-D3858BC1FC00}" dt="2019-09-26T09:36:15.979" v="25518"/>
          <ac:spMkLst>
            <pc:docMk/>
            <pc:sldMk cId="1279582212" sldId="257"/>
            <ac:spMk id="995" creationId="{F344DD7E-0D3B-4686-AB17-88EC3DBC1308}"/>
          </ac:spMkLst>
        </pc:spChg>
        <pc:spChg chg="add del mod modVis">
          <ac:chgData name="Manuel Lidauer" userId="b55e45dd-c6cc-461d-bef5-835fc172e678" providerId="ADAL" clId="{BCD0C6F6-2D95-4A66-B702-D3858BC1FC00}" dt="2019-09-26T09:36:15.979" v="25520"/>
          <ac:spMkLst>
            <pc:docMk/>
            <pc:sldMk cId="1279582212" sldId="257"/>
            <ac:spMk id="996" creationId="{7FED67AB-2B94-4D49-B9D5-96D2AA49EE5B}"/>
          </ac:spMkLst>
        </pc:spChg>
        <pc:spChg chg="add del mod modVis">
          <ac:chgData name="Manuel Lidauer" userId="b55e45dd-c6cc-461d-bef5-835fc172e678" providerId="ADAL" clId="{BCD0C6F6-2D95-4A66-B702-D3858BC1FC00}" dt="2019-09-26T09:36:15.980" v="25522"/>
          <ac:spMkLst>
            <pc:docMk/>
            <pc:sldMk cId="1279582212" sldId="257"/>
            <ac:spMk id="997" creationId="{47F214CE-DFC5-40AB-A069-A9AEE0D21E73}"/>
          </ac:spMkLst>
        </pc:spChg>
        <pc:spChg chg="add del mod modVis">
          <ac:chgData name="Manuel Lidauer" userId="b55e45dd-c6cc-461d-bef5-835fc172e678" providerId="ADAL" clId="{BCD0C6F6-2D95-4A66-B702-D3858BC1FC00}" dt="2019-09-26T09:36:15.981" v="25524"/>
          <ac:spMkLst>
            <pc:docMk/>
            <pc:sldMk cId="1279582212" sldId="257"/>
            <ac:spMk id="998" creationId="{E5DE2B4D-8624-4EF9-BBBD-634626F05C47}"/>
          </ac:spMkLst>
        </pc:spChg>
        <pc:spChg chg="add del mod modVis">
          <ac:chgData name="Manuel Lidauer" userId="b55e45dd-c6cc-461d-bef5-835fc172e678" providerId="ADAL" clId="{BCD0C6F6-2D95-4A66-B702-D3858BC1FC00}" dt="2019-09-26T09:36:15.981" v="25526"/>
          <ac:spMkLst>
            <pc:docMk/>
            <pc:sldMk cId="1279582212" sldId="257"/>
            <ac:spMk id="999" creationId="{D4A72031-A5F7-4D96-9A4A-5DB488E0B259}"/>
          </ac:spMkLst>
        </pc:spChg>
        <pc:spChg chg="add del mod modVis">
          <ac:chgData name="Manuel Lidauer" userId="b55e45dd-c6cc-461d-bef5-835fc172e678" providerId="ADAL" clId="{BCD0C6F6-2D95-4A66-B702-D3858BC1FC00}" dt="2019-09-26T09:36:15.982" v="25528"/>
          <ac:spMkLst>
            <pc:docMk/>
            <pc:sldMk cId="1279582212" sldId="257"/>
            <ac:spMk id="1000" creationId="{28449A76-FCFC-4807-822C-E2134B65987C}"/>
          </ac:spMkLst>
        </pc:spChg>
        <pc:spChg chg="add del mod modVis">
          <ac:chgData name="Manuel Lidauer" userId="b55e45dd-c6cc-461d-bef5-835fc172e678" providerId="ADAL" clId="{BCD0C6F6-2D95-4A66-B702-D3858BC1FC00}" dt="2019-09-26T09:36:15.982" v="25529"/>
          <ac:spMkLst>
            <pc:docMk/>
            <pc:sldMk cId="1279582212" sldId="257"/>
            <ac:spMk id="1001" creationId="{A74EE75A-79AF-462D-B5E2-F17D0E39F949}"/>
          </ac:spMkLst>
        </pc:spChg>
        <pc:spChg chg="add del mod modVis">
          <ac:chgData name="Manuel Lidauer" userId="b55e45dd-c6cc-461d-bef5-835fc172e678" providerId="ADAL" clId="{BCD0C6F6-2D95-4A66-B702-D3858BC1FC00}" dt="2019-09-26T09:36:15.983" v="25531"/>
          <ac:spMkLst>
            <pc:docMk/>
            <pc:sldMk cId="1279582212" sldId="257"/>
            <ac:spMk id="1002" creationId="{E4EE9C91-9F16-4DE2-A781-B2026CC1CF1D}"/>
          </ac:spMkLst>
        </pc:spChg>
        <pc:spChg chg="add del mod modVis">
          <ac:chgData name="Manuel Lidauer" userId="b55e45dd-c6cc-461d-bef5-835fc172e678" providerId="ADAL" clId="{BCD0C6F6-2D95-4A66-B702-D3858BC1FC00}" dt="2019-09-26T09:36:15.984" v="25533"/>
          <ac:spMkLst>
            <pc:docMk/>
            <pc:sldMk cId="1279582212" sldId="257"/>
            <ac:spMk id="1003" creationId="{24B27901-E454-4EA9-9844-BD54879D8D4A}"/>
          </ac:spMkLst>
        </pc:spChg>
        <pc:spChg chg="add del mod modVis">
          <ac:chgData name="Manuel Lidauer" userId="b55e45dd-c6cc-461d-bef5-835fc172e678" providerId="ADAL" clId="{BCD0C6F6-2D95-4A66-B702-D3858BC1FC00}" dt="2019-09-26T09:36:15.984" v="25535"/>
          <ac:spMkLst>
            <pc:docMk/>
            <pc:sldMk cId="1279582212" sldId="257"/>
            <ac:spMk id="1004" creationId="{8F354B6A-7B40-4FE7-82FB-C561C8571F30}"/>
          </ac:spMkLst>
        </pc:spChg>
        <pc:spChg chg="add del mod modVis">
          <ac:chgData name="Manuel Lidauer" userId="b55e45dd-c6cc-461d-bef5-835fc172e678" providerId="ADAL" clId="{BCD0C6F6-2D95-4A66-B702-D3858BC1FC00}" dt="2019-09-26T09:36:15.985" v="25537"/>
          <ac:spMkLst>
            <pc:docMk/>
            <pc:sldMk cId="1279582212" sldId="257"/>
            <ac:spMk id="1005" creationId="{A93E17DF-30D0-4428-91A2-9D6051D483EF}"/>
          </ac:spMkLst>
        </pc:spChg>
        <pc:spChg chg="add del mod modVis">
          <ac:chgData name="Manuel Lidauer" userId="b55e45dd-c6cc-461d-bef5-835fc172e678" providerId="ADAL" clId="{BCD0C6F6-2D95-4A66-B702-D3858BC1FC00}" dt="2019-09-26T09:36:15.986" v="25539"/>
          <ac:spMkLst>
            <pc:docMk/>
            <pc:sldMk cId="1279582212" sldId="257"/>
            <ac:spMk id="1006" creationId="{1CEDDFE7-3DF6-4288-9D55-BFCFC2BC83A3}"/>
          </ac:spMkLst>
        </pc:spChg>
        <pc:spChg chg="add del mod modVis">
          <ac:chgData name="Manuel Lidauer" userId="b55e45dd-c6cc-461d-bef5-835fc172e678" providerId="ADAL" clId="{BCD0C6F6-2D95-4A66-B702-D3858BC1FC00}" dt="2019-09-26T09:36:15.987" v="25541"/>
          <ac:spMkLst>
            <pc:docMk/>
            <pc:sldMk cId="1279582212" sldId="257"/>
            <ac:spMk id="1007" creationId="{F2843968-B6CD-4C3F-A040-E5830C223C5F}"/>
          </ac:spMkLst>
        </pc:spChg>
        <pc:spChg chg="add del mod modVis">
          <ac:chgData name="Manuel Lidauer" userId="b55e45dd-c6cc-461d-bef5-835fc172e678" providerId="ADAL" clId="{BCD0C6F6-2D95-4A66-B702-D3858BC1FC00}" dt="2019-09-26T09:36:15.989" v="25543"/>
          <ac:spMkLst>
            <pc:docMk/>
            <pc:sldMk cId="1279582212" sldId="257"/>
            <ac:spMk id="1008" creationId="{38757EF1-5CFD-4E0E-929A-48BE182F86A8}"/>
          </ac:spMkLst>
        </pc:spChg>
        <pc:spChg chg="add del mod modVis">
          <ac:chgData name="Manuel Lidauer" userId="b55e45dd-c6cc-461d-bef5-835fc172e678" providerId="ADAL" clId="{BCD0C6F6-2D95-4A66-B702-D3858BC1FC00}" dt="2019-09-26T09:36:15.989" v="25544"/>
          <ac:spMkLst>
            <pc:docMk/>
            <pc:sldMk cId="1279582212" sldId="257"/>
            <ac:spMk id="1009" creationId="{F6C64839-B758-4C91-8A07-4EE823E3F391}"/>
          </ac:spMkLst>
        </pc:spChg>
        <pc:spChg chg="add del mod modVis">
          <ac:chgData name="Manuel Lidauer" userId="b55e45dd-c6cc-461d-bef5-835fc172e678" providerId="ADAL" clId="{BCD0C6F6-2D95-4A66-B702-D3858BC1FC00}" dt="2019-09-26T09:36:15.990" v="25546"/>
          <ac:spMkLst>
            <pc:docMk/>
            <pc:sldMk cId="1279582212" sldId="257"/>
            <ac:spMk id="1010" creationId="{3CF2F442-15C2-4F81-B849-8357A362A22B}"/>
          </ac:spMkLst>
        </pc:spChg>
        <pc:spChg chg="add del mod modVis">
          <ac:chgData name="Manuel Lidauer" userId="b55e45dd-c6cc-461d-bef5-835fc172e678" providerId="ADAL" clId="{BCD0C6F6-2D95-4A66-B702-D3858BC1FC00}" dt="2019-09-26T09:36:15.990" v="25548"/>
          <ac:spMkLst>
            <pc:docMk/>
            <pc:sldMk cId="1279582212" sldId="257"/>
            <ac:spMk id="1011" creationId="{6D98A793-8B2B-4DB6-86DE-7776514CC866}"/>
          </ac:spMkLst>
        </pc:spChg>
        <pc:spChg chg="add del mod modVis">
          <ac:chgData name="Manuel Lidauer" userId="b55e45dd-c6cc-461d-bef5-835fc172e678" providerId="ADAL" clId="{BCD0C6F6-2D95-4A66-B702-D3858BC1FC00}" dt="2019-09-26T09:36:15.991" v="25550"/>
          <ac:spMkLst>
            <pc:docMk/>
            <pc:sldMk cId="1279582212" sldId="257"/>
            <ac:spMk id="1012" creationId="{FCB0B2CA-C9D7-4B50-852A-A307EB5249D1}"/>
          </ac:spMkLst>
        </pc:spChg>
        <pc:spChg chg="add del mod modVis">
          <ac:chgData name="Manuel Lidauer" userId="b55e45dd-c6cc-461d-bef5-835fc172e678" providerId="ADAL" clId="{BCD0C6F6-2D95-4A66-B702-D3858BC1FC00}" dt="2019-09-26T09:36:15.992" v="25552"/>
          <ac:spMkLst>
            <pc:docMk/>
            <pc:sldMk cId="1279582212" sldId="257"/>
            <ac:spMk id="1013" creationId="{2A417D3D-EA33-4481-9047-4D07D1F0F812}"/>
          </ac:spMkLst>
        </pc:spChg>
        <pc:spChg chg="add del mod modVis">
          <ac:chgData name="Manuel Lidauer" userId="b55e45dd-c6cc-461d-bef5-835fc172e678" providerId="ADAL" clId="{BCD0C6F6-2D95-4A66-B702-D3858BC1FC00}" dt="2019-09-26T09:36:15.992" v="25554"/>
          <ac:spMkLst>
            <pc:docMk/>
            <pc:sldMk cId="1279582212" sldId="257"/>
            <ac:spMk id="1014" creationId="{75D0764E-E4AF-4B18-9BEB-0CD67CA7CCB8}"/>
          </ac:spMkLst>
        </pc:spChg>
        <pc:spChg chg="add del mod modVis">
          <ac:chgData name="Manuel Lidauer" userId="b55e45dd-c6cc-461d-bef5-835fc172e678" providerId="ADAL" clId="{BCD0C6F6-2D95-4A66-B702-D3858BC1FC00}" dt="2019-09-26T09:36:15.993" v="25556"/>
          <ac:spMkLst>
            <pc:docMk/>
            <pc:sldMk cId="1279582212" sldId="257"/>
            <ac:spMk id="1015" creationId="{2DDC6C07-3160-42B5-AE28-6BFA85093FB0}"/>
          </ac:spMkLst>
        </pc:spChg>
        <pc:spChg chg="add del mod modVis">
          <ac:chgData name="Manuel Lidauer" userId="b55e45dd-c6cc-461d-bef5-835fc172e678" providerId="ADAL" clId="{BCD0C6F6-2D95-4A66-B702-D3858BC1FC00}" dt="2019-09-26T09:36:15.994" v="25558"/>
          <ac:spMkLst>
            <pc:docMk/>
            <pc:sldMk cId="1279582212" sldId="257"/>
            <ac:spMk id="1016" creationId="{B27A2CD4-2046-47BF-A7A1-C19C9A78FF1E}"/>
          </ac:spMkLst>
        </pc:spChg>
        <pc:spChg chg="add del mod modVis">
          <ac:chgData name="Manuel Lidauer" userId="b55e45dd-c6cc-461d-bef5-835fc172e678" providerId="ADAL" clId="{BCD0C6F6-2D95-4A66-B702-D3858BC1FC00}" dt="2019-09-26T09:36:15.994" v="25559"/>
          <ac:spMkLst>
            <pc:docMk/>
            <pc:sldMk cId="1279582212" sldId="257"/>
            <ac:spMk id="1017" creationId="{960A3C88-F54E-4281-BC70-70DEC6938CDB}"/>
          </ac:spMkLst>
        </pc:spChg>
        <pc:spChg chg="add del mod modVis">
          <ac:chgData name="Manuel Lidauer" userId="b55e45dd-c6cc-461d-bef5-835fc172e678" providerId="ADAL" clId="{BCD0C6F6-2D95-4A66-B702-D3858BC1FC00}" dt="2019-09-26T09:36:15.995" v="25561"/>
          <ac:spMkLst>
            <pc:docMk/>
            <pc:sldMk cId="1279582212" sldId="257"/>
            <ac:spMk id="1018" creationId="{A5D14EC5-CF92-4957-95C7-832084F73F00}"/>
          </ac:spMkLst>
        </pc:spChg>
        <pc:spChg chg="add del mod modVis">
          <ac:chgData name="Manuel Lidauer" userId="b55e45dd-c6cc-461d-bef5-835fc172e678" providerId="ADAL" clId="{BCD0C6F6-2D95-4A66-B702-D3858BC1FC00}" dt="2019-09-26T09:36:15.995" v="25563"/>
          <ac:spMkLst>
            <pc:docMk/>
            <pc:sldMk cId="1279582212" sldId="257"/>
            <ac:spMk id="1019" creationId="{C2C40B1D-069E-46EB-9FB8-B948FCF01DE1}"/>
          </ac:spMkLst>
        </pc:spChg>
        <pc:spChg chg="add del mod modVis">
          <ac:chgData name="Manuel Lidauer" userId="b55e45dd-c6cc-461d-bef5-835fc172e678" providerId="ADAL" clId="{BCD0C6F6-2D95-4A66-B702-D3858BC1FC00}" dt="2019-09-26T09:36:15.996" v="25565"/>
          <ac:spMkLst>
            <pc:docMk/>
            <pc:sldMk cId="1279582212" sldId="257"/>
            <ac:spMk id="1020" creationId="{F9F4D3E2-27D3-436C-B208-C714C4F7ECDF}"/>
          </ac:spMkLst>
        </pc:spChg>
        <pc:spChg chg="add del mod modVis">
          <ac:chgData name="Manuel Lidauer" userId="b55e45dd-c6cc-461d-bef5-835fc172e678" providerId="ADAL" clId="{BCD0C6F6-2D95-4A66-B702-D3858BC1FC00}" dt="2019-09-26T09:36:15.997" v="25567"/>
          <ac:spMkLst>
            <pc:docMk/>
            <pc:sldMk cId="1279582212" sldId="257"/>
            <ac:spMk id="1021" creationId="{576FD66B-70E6-40AF-B71C-2F6CC2FA7676}"/>
          </ac:spMkLst>
        </pc:spChg>
        <pc:spChg chg="add del mod modVis">
          <ac:chgData name="Manuel Lidauer" userId="b55e45dd-c6cc-461d-bef5-835fc172e678" providerId="ADAL" clId="{BCD0C6F6-2D95-4A66-B702-D3858BC1FC00}" dt="2019-09-26T09:36:15.997" v="25569"/>
          <ac:spMkLst>
            <pc:docMk/>
            <pc:sldMk cId="1279582212" sldId="257"/>
            <ac:spMk id="1022" creationId="{1E329D86-92F0-46E9-97D0-D5B7C2B475A3}"/>
          </ac:spMkLst>
        </pc:spChg>
        <pc:spChg chg="add del mod modVis">
          <ac:chgData name="Manuel Lidauer" userId="b55e45dd-c6cc-461d-bef5-835fc172e678" providerId="ADAL" clId="{BCD0C6F6-2D95-4A66-B702-D3858BC1FC00}" dt="2019-09-26T09:36:15.998" v="25571"/>
          <ac:spMkLst>
            <pc:docMk/>
            <pc:sldMk cId="1279582212" sldId="257"/>
            <ac:spMk id="1023" creationId="{E1499D90-D2D2-4EC2-BD84-940E5C587985}"/>
          </ac:spMkLst>
        </pc:spChg>
        <pc:spChg chg="add del mod modVis">
          <ac:chgData name="Manuel Lidauer" userId="b55e45dd-c6cc-461d-bef5-835fc172e678" providerId="ADAL" clId="{BCD0C6F6-2D95-4A66-B702-D3858BC1FC00}" dt="2019-09-26T09:36:15.998" v="25573"/>
          <ac:spMkLst>
            <pc:docMk/>
            <pc:sldMk cId="1279582212" sldId="257"/>
            <ac:spMk id="1024" creationId="{A314162C-5C85-4A81-97F2-D12A09E1F1AE}"/>
          </ac:spMkLst>
        </pc:spChg>
        <pc:spChg chg="add del mod modVis">
          <ac:chgData name="Manuel Lidauer" userId="b55e45dd-c6cc-461d-bef5-835fc172e678" providerId="ADAL" clId="{BCD0C6F6-2D95-4A66-B702-D3858BC1FC00}" dt="2019-09-26T09:36:15.999" v="25574"/>
          <ac:spMkLst>
            <pc:docMk/>
            <pc:sldMk cId="1279582212" sldId="257"/>
            <ac:spMk id="1025" creationId="{B1999207-8E65-4371-BBD4-72E0F0376B13}"/>
          </ac:spMkLst>
        </pc:spChg>
        <pc:spChg chg="add del mod modVis">
          <ac:chgData name="Manuel Lidauer" userId="b55e45dd-c6cc-461d-bef5-835fc172e678" providerId="ADAL" clId="{BCD0C6F6-2D95-4A66-B702-D3858BC1FC00}" dt="2019-09-26T09:36:16" v="25576"/>
          <ac:spMkLst>
            <pc:docMk/>
            <pc:sldMk cId="1279582212" sldId="257"/>
            <ac:spMk id="1026" creationId="{3D8F2074-A114-424B-B912-00188E499248}"/>
          </ac:spMkLst>
        </pc:spChg>
        <pc:spChg chg="add del mod modVis">
          <ac:chgData name="Manuel Lidauer" userId="b55e45dd-c6cc-461d-bef5-835fc172e678" providerId="ADAL" clId="{BCD0C6F6-2D95-4A66-B702-D3858BC1FC00}" dt="2019-09-26T09:36:16" v="25578"/>
          <ac:spMkLst>
            <pc:docMk/>
            <pc:sldMk cId="1279582212" sldId="257"/>
            <ac:spMk id="1027" creationId="{59B37F33-D210-4964-952A-D740D67C156E}"/>
          </ac:spMkLst>
        </pc:spChg>
        <pc:spChg chg="add del mod modVis">
          <ac:chgData name="Manuel Lidauer" userId="b55e45dd-c6cc-461d-bef5-835fc172e678" providerId="ADAL" clId="{BCD0C6F6-2D95-4A66-B702-D3858BC1FC00}" dt="2019-09-26T09:36:16.001" v="25580"/>
          <ac:spMkLst>
            <pc:docMk/>
            <pc:sldMk cId="1279582212" sldId="257"/>
            <ac:spMk id="1028" creationId="{13625014-837B-45BA-8AB7-2F3EFFD68D7E}"/>
          </ac:spMkLst>
        </pc:spChg>
        <pc:spChg chg="add del mod modVis">
          <ac:chgData name="Manuel Lidauer" userId="b55e45dd-c6cc-461d-bef5-835fc172e678" providerId="ADAL" clId="{BCD0C6F6-2D95-4A66-B702-D3858BC1FC00}" dt="2019-09-26T09:36:16.002" v="25582"/>
          <ac:spMkLst>
            <pc:docMk/>
            <pc:sldMk cId="1279582212" sldId="257"/>
            <ac:spMk id="1029" creationId="{78CA482C-77A2-454C-95E3-C165EC9CB8F1}"/>
          </ac:spMkLst>
        </pc:spChg>
        <pc:spChg chg="add del mod modVis">
          <ac:chgData name="Manuel Lidauer" userId="b55e45dd-c6cc-461d-bef5-835fc172e678" providerId="ADAL" clId="{BCD0C6F6-2D95-4A66-B702-D3858BC1FC00}" dt="2019-09-26T09:36:16.002" v="25584"/>
          <ac:spMkLst>
            <pc:docMk/>
            <pc:sldMk cId="1279582212" sldId="257"/>
            <ac:spMk id="1030" creationId="{4C36E0C8-30E2-49CB-B6DC-054D6F6FBFA3}"/>
          </ac:spMkLst>
        </pc:spChg>
        <pc:spChg chg="add del mod modVis">
          <ac:chgData name="Manuel Lidauer" userId="b55e45dd-c6cc-461d-bef5-835fc172e678" providerId="ADAL" clId="{BCD0C6F6-2D95-4A66-B702-D3858BC1FC00}" dt="2019-09-26T09:36:16.003" v="25586"/>
          <ac:spMkLst>
            <pc:docMk/>
            <pc:sldMk cId="1279582212" sldId="257"/>
            <ac:spMk id="1031" creationId="{9F528C71-DDC4-494E-ADF8-7F843CD3AA35}"/>
          </ac:spMkLst>
        </pc:spChg>
        <pc:spChg chg="add del mod modVis">
          <ac:chgData name="Manuel Lidauer" userId="b55e45dd-c6cc-461d-bef5-835fc172e678" providerId="ADAL" clId="{BCD0C6F6-2D95-4A66-B702-D3858BC1FC00}" dt="2019-09-26T09:36:16.005" v="25588"/>
          <ac:spMkLst>
            <pc:docMk/>
            <pc:sldMk cId="1279582212" sldId="257"/>
            <ac:spMk id="1032" creationId="{646ED58B-BB1B-48CC-9E12-8E2765787A42}"/>
          </ac:spMkLst>
        </pc:spChg>
        <pc:spChg chg="add del mod modVis">
          <ac:chgData name="Manuel Lidauer" userId="b55e45dd-c6cc-461d-bef5-835fc172e678" providerId="ADAL" clId="{BCD0C6F6-2D95-4A66-B702-D3858BC1FC00}" dt="2019-09-26T09:36:16.006" v="25589"/>
          <ac:spMkLst>
            <pc:docMk/>
            <pc:sldMk cId="1279582212" sldId="257"/>
            <ac:spMk id="1033" creationId="{42CF9DCE-AD32-4A0F-9C0B-18A9A492DEC9}"/>
          </ac:spMkLst>
        </pc:spChg>
        <pc:spChg chg="add del mod modVis">
          <ac:chgData name="Manuel Lidauer" userId="b55e45dd-c6cc-461d-bef5-835fc172e678" providerId="ADAL" clId="{BCD0C6F6-2D95-4A66-B702-D3858BC1FC00}" dt="2019-09-26T09:36:16.006" v="25591"/>
          <ac:spMkLst>
            <pc:docMk/>
            <pc:sldMk cId="1279582212" sldId="257"/>
            <ac:spMk id="1034" creationId="{4DCE1982-4980-486C-A29C-F9703E2549F7}"/>
          </ac:spMkLst>
        </pc:spChg>
        <pc:spChg chg="add del mod modVis">
          <ac:chgData name="Manuel Lidauer" userId="b55e45dd-c6cc-461d-bef5-835fc172e678" providerId="ADAL" clId="{BCD0C6F6-2D95-4A66-B702-D3858BC1FC00}" dt="2019-09-26T09:36:16.007" v="25593"/>
          <ac:spMkLst>
            <pc:docMk/>
            <pc:sldMk cId="1279582212" sldId="257"/>
            <ac:spMk id="1035" creationId="{36211FF5-629E-44FE-9AB7-CA8440C5527F}"/>
          </ac:spMkLst>
        </pc:spChg>
        <pc:spChg chg="add del mod modVis">
          <ac:chgData name="Manuel Lidauer" userId="b55e45dd-c6cc-461d-bef5-835fc172e678" providerId="ADAL" clId="{BCD0C6F6-2D95-4A66-B702-D3858BC1FC00}" dt="2019-09-26T09:36:16.008" v="25595"/>
          <ac:spMkLst>
            <pc:docMk/>
            <pc:sldMk cId="1279582212" sldId="257"/>
            <ac:spMk id="1036" creationId="{1B55EC3C-9966-4781-A7FE-F996EB6B2870}"/>
          </ac:spMkLst>
        </pc:spChg>
        <pc:spChg chg="add del mod modVis">
          <ac:chgData name="Manuel Lidauer" userId="b55e45dd-c6cc-461d-bef5-835fc172e678" providerId="ADAL" clId="{BCD0C6F6-2D95-4A66-B702-D3858BC1FC00}" dt="2019-09-26T09:36:16.008" v="25597"/>
          <ac:spMkLst>
            <pc:docMk/>
            <pc:sldMk cId="1279582212" sldId="257"/>
            <ac:spMk id="1037" creationId="{11E59F76-D709-40EA-8518-AE9177EE26F5}"/>
          </ac:spMkLst>
        </pc:spChg>
        <pc:spChg chg="add del mod modVis">
          <ac:chgData name="Manuel Lidauer" userId="b55e45dd-c6cc-461d-bef5-835fc172e678" providerId="ADAL" clId="{BCD0C6F6-2D95-4A66-B702-D3858BC1FC00}" dt="2019-09-26T09:36:16.009" v="25599"/>
          <ac:spMkLst>
            <pc:docMk/>
            <pc:sldMk cId="1279582212" sldId="257"/>
            <ac:spMk id="1038" creationId="{EE84D63A-A4EB-4496-ADD1-FF5D0F98B187}"/>
          </ac:spMkLst>
        </pc:spChg>
        <pc:spChg chg="add del mod modVis">
          <ac:chgData name="Manuel Lidauer" userId="b55e45dd-c6cc-461d-bef5-835fc172e678" providerId="ADAL" clId="{BCD0C6F6-2D95-4A66-B702-D3858BC1FC00}" dt="2019-09-26T09:36:16.010" v="25601"/>
          <ac:spMkLst>
            <pc:docMk/>
            <pc:sldMk cId="1279582212" sldId="257"/>
            <ac:spMk id="1039" creationId="{078B4E78-9E12-4969-BE97-6A8125493A48}"/>
          </ac:spMkLst>
        </pc:spChg>
        <pc:spChg chg="add del mod modVis">
          <ac:chgData name="Manuel Lidauer" userId="b55e45dd-c6cc-461d-bef5-835fc172e678" providerId="ADAL" clId="{BCD0C6F6-2D95-4A66-B702-D3858BC1FC00}" dt="2019-09-26T09:36:16.010" v="25603"/>
          <ac:spMkLst>
            <pc:docMk/>
            <pc:sldMk cId="1279582212" sldId="257"/>
            <ac:spMk id="1040" creationId="{5DDF8C21-26DE-4E20-9D95-574DB68F0986}"/>
          </ac:spMkLst>
        </pc:spChg>
        <pc:spChg chg="add del mod modVis">
          <ac:chgData name="Manuel Lidauer" userId="b55e45dd-c6cc-461d-bef5-835fc172e678" providerId="ADAL" clId="{BCD0C6F6-2D95-4A66-B702-D3858BC1FC00}" dt="2019-09-26T09:36:16.011" v="25604"/>
          <ac:spMkLst>
            <pc:docMk/>
            <pc:sldMk cId="1279582212" sldId="257"/>
            <ac:spMk id="1041" creationId="{9E283730-0A51-4876-AA2C-B8D8D1B5FEE7}"/>
          </ac:spMkLst>
        </pc:spChg>
        <pc:spChg chg="add del mod modVis">
          <ac:chgData name="Manuel Lidauer" userId="b55e45dd-c6cc-461d-bef5-835fc172e678" providerId="ADAL" clId="{BCD0C6F6-2D95-4A66-B702-D3858BC1FC00}" dt="2019-09-26T09:36:16.011" v="25606"/>
          <ac:spMkLst>
            <pc:docMk/>
            <pc:sldMk cId="1279582212" sldId="257"/>
            <ac:spMk id="1042" creationId="{5BEF18C8-574F-43F9-8B83-2F07B5A178B6}"/>
          </ac:spMkLst>
        </pc:spChg>
        <pc:spChg chg="add del mod modVis">
          <ac:chgData name="Manuel Lidauer" userId="b55e45dd-c6cc-461d-bef5-835fc172e678" providerId="ADAL" clId="{BCD0C6F6-2D95-4A66-B702-D3858BC1FC00}" dt="2019-09-26T09:36:16.012" v="25608"/>
          <ac:spMkLst>
            <pc:docMk/>
            <pc:sldMk cId="1279582212" sldId="257"/>
            <ac:spMk id="1043" creationId="{A4E8477A-E1EF-45CD-B6E9-A1AF99DF1789}"/>
          </ac:spMkLst>
        </pc:spChg>
        <pc:spChg chg="add del mod modVis">
          <ac:chgData name="Manuel Lidauer" userId="b55e45dd-c6cc-461d-bef5-835fc172e678" providerId="ADAL" clId="{BCD0C6F6-2D95-4A66-B702-D3858BC1FC00}" dt="2019-09-26T09:36:16.013" v="25610"/>
          <ac:spMkLst>
            <pc:docMk/>
            <pc:sldMk cId="1279582212" sldId="257"/>
            <ac:spMk id="1044" creationId="{29D841A4-AA81-4409-900B-FB47E890CA66}"/>
          </ac:spMkLst>
        </pc:spChg>
        <pc:spChg chg="add del mod modVis">
          <ac:chgData name="Manuel Lidauer" userId="b55e45dd-c6cc-461d-bef5-835fc172e678" providerId="ADAL" clId="{BCD0C6F6-2D95-4A66-B702-D3858BC1FC00}" dt="2019-09-26T09:36:16.013" v="25612"/>
          <ac:spMkLst>
            <pc:docMk/>
            <pc:sldMk cId="1279582212" sldId="257"/>
            <ac:spMk id="1045" creationId="{31E75A8F-E2F5-4670-8A33-6BE6D62FD7E5}"/>
          </ac:spMkLst>
        </pc:spChg>
        <pc:spChg chg="add del mod modVis">
          <ac:chgData name="Manuel Lidauer" userId="b55e45dd-c6cc-461d-bef5-835fc172e678" providerId="ADAL" clId="{BCD0C6F6-2D95-4A66-B702-D3858BC1FC00}" dt="2019-09-26T09:36:16.014" v="25614"/>
          <ac:spMkLst>
            <pc:docMk/>
            <pc:sldMk cId="1279582212" sldId="257"/>
            <ac:spMk id="1046" creationId="{FA882B49-0C82-41A7-BD95-6F7B42541EBB}"/>
          </ac:spMkLst>
        </pc:spChg>
        <pc:spChg chg="add del mod modVis">
          <ac:chgData name="Manuel Lidauer" userId="b55e45dd-c6cc-461d-bef5-835fc172e678" providerId="ADAL" clId="{BCD0C6F6-2D95-4A66-B702-D3858BC1FC00}" dt="2019-09-26T09:36:16.015" v="25616"/>
          <ac:spMkLst>
            <pc:docMk/>
            <pc:sldMk cId="1279582212" sldId="257"/>
            <ac:spMk id="1047" creationId="{D216C9F7-CD07-4470-B3DE-22750AF9FDAA}"/>
          </ac:spMkLst>
        </pc:spChg>
        <pc:spChg chg="add del mod modVis">
          <ac:chgData name="Manuel Lidauer" userId="b55e45dd-c6cc-461d-bef5-835fc172e678" providerId="ADAL" clId="{BCD0C6F6-2D95-4A66-B702-D3858BC1FC00}" dt="2019-09-26T09:36:16.015" v="25618"/>
          <ac:spMkLst>
            <pc:docMk/>
            <pc:sldMk cId="1279582212" sldId="257"/>
            <ac:spMk id="1048" creationId="{91C9C245-D1BA-476A-9E19-626CAFB00ED3}"/>
          </ac:spMkLst>
        </pc:spChg>
        <pc:spChg chg="add del mod modVis">
          <ac:chgData name="Manuel Lidauer" userId="b55e45dd-c6cc-461d-bef5-835fc172e678" providerId="ADAL" clId="{BCD0C6F6-2D95-4A66-B702-D3858BC1FC00}" dt="2019-09-26T09:36:16.015" v="25619"/>
          <ac:spMkLst>
            <pc:docMk/>
            <pc:sldMk cId="1279582212" sldId="257"/>
            <ac:spMk id="1049" creationId="{E423A42C-A7E8-4330-911C-9E9EE3ECAA17}"/>
          </ac:spMkLst>
        </pc:spChg>
        <pc:spChg chg="add del mod modVis">
          <ac:chgData name="Manuel Lidauer" userId="b55e45dd-c6cc-461d-bef5-835fc172e678" providerId="ADAL" clId="{BCD0C6F6-2D95-4A66-B702-D3858BC1FC00}" dt="2019-09-26T09:36:16.016" v="25621"/>
          <ac:spMkLst>
            <pc:docMk/>
            <pc:sldMk cId="1279582212" sldId="257"/>
            <ac:spMk id="1050" creationId="{DC61B9CA-111A-4435-BDAE-4D03D7259841}"/>
          </ac:spMkLst>
        </pc:spChg>
        <pc:spChg chg="add del mod modVis">
          <ac:chgData name="Manuel Lidauer" userId="b55e45dd-c6cc-461d-bef5-835fc172e678" providerId="ADAL" clId="{BCD0C6F6-2D95-4A66-B702-D3858BC1FC00}" dt="2019-09-26T09:36:16.017" v="25623"/>
          <ac:spMkLst>
            <pc:docMk/>
            <pc:sldMk cId="1279582212" sldId="257"/>
            <ac:spMk id="1051" creationId="{EFAB50A3-4581-4D5D-AF40-487B21B60A7D}"/>
          </ac:spMkLst>
        </pc:spChg>
        <pc:spChg chg="add del mod modVis">
          <ac:chgData name="Manuel Lidauer" userId="b55e45dd-c6cc-461d-bef5-835fc172e678" providerId="ADAL" clId="{BCD0C6F6-2D95-4A66-B702-D3858BC1FC00}" dt="2019-09-26T09:36:16.017" v="25625"/>
          <ac:spMkLst>
            <pc:docMk/>
            <pc:sldMk cId="1279582212" sldId="257"/>
            <ac:spMk id="1052" creationId="{BCC137F5-2D79-4FEE-9ED0-51639F41C42D}"/>
          </ac:spMkLst>
        </pc:spChg>
        <pc:spChg chg="add del mod modVis">
          <ac:chgData name="Manuel Lidauer" userId="b55e45dd-c6cc-461d-bef5-835fc172e678" providerId="ADAL" clId="{BCD0C6F6-2D95-4A66-B702-D3858BC1FC00}" dt="2019-09-26T09:36:16.018" v="25627"/>
          <ac:spMkLst>
            <pc:docMk/>
            <pc:sldMk cId="1279582212" sldId="257"/>
            <ac:spMk id="1053" creationId="{4D937B51-823B-44B5-9FF7-5CC9AA9FE87A}"/>
          </ac:spMkLst>
        </pc:spChg>
        <pc:spChg chg="add del mod modVis">
          <ac:chgData name="Manuel Lidauer" userId="b55e45dd-c6cc-461d-bef5-835fc172e678" providerId="ADAL" clId="{BCD0C6F6-2D95-4A66-B702-D3858BC1FC00}" dt="2019-09-26T09:36:16.019" v="25629"/>
          <ac:spMkLst>
            <pc:docMk/>
            <pc:sldMk cId="1279582212" sldId="257"/>
            <ac:spMk id="1054" creationId="{F3A88DAE-EBDA-4835-B5C9-E2995C9E157E}"/>
          </ac:spMkLst>
        </pc:spChg>
        <pc:spChg chg="add del mod modVis">
          <ac:chgData name="Manuel Lidauer" userId="b55e45dd-c6cc-461d-bef5-835fc172e678" providerId="ADAL" clId="{BCD0C6F6-2D95-4A66-B702-D3858BC1FC00}" dt="2019-09-26T09:36:16.020" v="25631"/>
          <ac:spMkLst>
            <pc:docMk/>
            <pc:sldMk cId="1279582212" sldId="257"/>
            <ac:spMk id="1055" creationId="{DFE29D21-1E5C-4699-836E-496797C114C2}"/>
          </ac:spMkLst>
        </pc:spChg>
        <pc:spChg chg="add del mod modVis">
          <ac:chgData name="Manuel Lidauer" userId="b55e45dd-c6cc-461d-bef5-835fc172e678" providerId="ADAL" clId="{BCD0C6F6-2D95-4A66-B702-D3858BC1FC00}" dt="2019-09-26T09:36:16.020" v="25633"/>
          <ac:spMkLst>
            <pc:docMk/>
            <pc:sldMk cId="1279582212" sldId="257"/>
            <ac:spMk id="1056" creationId="{8732197A-EF54-4C37-956E-1327660C8D46}"/>
          </ac:spMkLst>
        </pc:spChg>
        <pc:spChg chg="add del mod modVis">
          <ac:chgData name="Manuel Lidauer" userId="b55e45dd-c6cc-461d-bef5-835fc172e678" providerId="ADAL" clId="{BCD0C6F6-2D95-4A66-B702-D3858BC1FC00}" dt="2019-09-26T09:36:16.021" v="25634"/>
          <ac:spMkLst>
            <pc:docMk/>
            <pc:sldMk cId="1279582212" sldId="257"/>
            <ac:spMk id="1057" creationId="{144549C0-B11B-46F9-B0DC-88701D016A34}"/>
          </ac:spMkLst>
        </pc:spChg>
        <pc:spChg chg="add del mod modVis">
          <ac:chgData name="Manuel Lidauer" userId="b55e45dd-c6cc-461d-bef5-835fc172e678" providerId="ADAL" clId="{BCD0C6F6-2D95-4A66-B702-D3858BC1FC00}" dt="2019-09-26T09:36:16.022" v="25636"/>
          <ac:spMkLst>
            <pc:docMk/>
            <pc:sldMk cId="1279582212" sldId="257"/>
            <ac:spMk id="1058" creationId="{14C26BE4-D6BA-4049-8B25-C73D3BEE40F1}"/>
          </ac:spMkLst>
        </pc:spChg>
        <pc:spChg chg="add del mod modVis">
          <ac:chgData name="Manuel Lidauer" userId="b55e45dd-c6cc-461d-bef5-835fc172e678" providerId="ADAL" clId="{BCD0C6F6-2D95-4A66-B702-D3858BC1FC00}" dt="2019-09-26T09:36:16.023" v="25638"/>
          <ac:spMkLst>
            <pc:docMk/>
            <pc:sldMk cId="1279582212" sldId="257"/>
            <ac:spMk id="1059" creationId="{CF1DB041-C260-4485-8033-9C7FA2B44671}"/>
          </ac:spMkLst>
        </pc:spChg>
        <pc:spChg chg="add del mod modVis">
          <ac:chgData name="Manuel Lidauer" userId="b55e45dd-c6cc-461d-bef5-835fc172e678" providerId="ADAL" clId="{BCD0C6F6-2D95-4A66-B702-D3858BC1FC00}" dt="2019-09-26T09:36:16.024" v="25640"/>
          <ac:spMkLst>
            <pc:docMk/>
            <pc:sldMk cId="1279582212" sldId="257"/>
            <ac:spMk id="1060" creationId="{2C54D74B-519A-4955-A96B-840E0C883AF5}"/>
          </ac:spMkLst>
        </pc:spChg>
        <pc:spChg chg="add del mod modVis">
          <ac:chgData name="Manuel Lidauer" userId="b55e45dd-c6cc-461d-bef5-835fc172e678" providerId="ADAL" clId="{BCD0C6F6-2D95-4A66-B702-D3858BC1FC00}" dt="2019-09-26T09:36:16.024" v="25642"/>
          <ac:spMkLst>
            <pc:docMk/>
            <pc:sldMk cId="1279582212" sldId="257"/>
            <ac:spMk id="1061" creationId="{77C30394-7816-4DB3-BEC0-74343AD194E5}"/>
          </ac:spMkLst>
        </pc:spChg>
        <pc:spChg chg="add del mod modVis">
          <ac:chgData name="Manuel Lidauer" userId="b55e45dd-c6cc-461d-bef5-835fc172e678" providerId="ADAL" clId="{BCD0C6F6-2D95-4A66-B702-D3858BC1FC00}" dt="2019-09-26T09:36:16.025" v="25644"/>
          <ac:spMkLst>
            <pc:docMk/>
            <pc:sldMk cId="1279582212" sldId="257"/>
            <ac:spMk id="1062" creationId="{1A5BBFC8-B60F-4C64-BE72-419E0DEEA37F}"/>
          </ac:spMkLst>
        </pc:spChg>
        <pc:spChg chg="add del mod modVis">
          <ac:chgData name="Manuel Lidauer" userId="b55e45dd-c6cc-461d-bef5-835fc172e678" providerId="ADAL" clId="{BCD0C6F6-2D95-4A66-B702-D3858BC1FC00}" dt="2019-09-26T09:36:16.026" v="25646"/>
          <ac:spMkLst>
            <pc:docMk/>
            <pc:sldMk cId="1279582212" sldId="257"/>
            <ac:spMk id="1063" creationId="{FC800E5F-1EFB-466C-8E30-2D4C7F5300DC}"/>
          </ac:spMkLst>
        </pc:spChg>
        <pc:spChg chg="add del mod modVis">
          <ac:chgData name="Manuel Lidauer" userId="b55e45dd-c6cc-461d-bef5-835fc172e678" providerId="ADAL" clId="{BCD0C6F6-2D95-4A66-B702-D3858BC1FC00}" dt="2019-09-26T09:36:16.026" v="25648"/>
          <ac:spMkLst>
            <pc:docMk/>
            <pc:sldMk cId="1279582212" sldId="257"/>
            <ac:spMk id="1064" creationId="{7C81048F-EF06-45A4-8799-044AB9EA2BDD}"/>
          </ac:spMkLst>
        </pc:spChg>
        <pc:spChg chg="add del mod modVis">
          <ac:chgData name="Manuel Lidauer" userId="b55e45dd-c6cc-461d-bef5-835fc172e678" providerId="ADAL" clId="{BCD0C6F6-2D95-4A66-B702-D3858BC1FC00}" dt="2019-09-26T09:36:16.027" v="25649"/>
          <ac:spMkLst>
            <pc:docMk/>
            <pc:sldMk cId="1279582212" sldId="257"/>
            <ac:spMk id="1065" creationId="{2164157D-0B32-4064-9E4B-DA2D2BC611FC}"/>
          </ac:spMkLst>
        </pc:spChg>
        <pc:spChg chg="add del mod modVis">
          <ac:chgData name="Manuel Lidauer" userId="b55e45dd-c6cc-461d-bef5-835fc172e678" providerId="ADAL" clId="{BCD0C6F6-2D95-4A66-B702-D3858BC1FC00}" dt="2019-09-26T09:36:16.027" v="25651"/>
          <ac:spMkLst>
            <pc:docMk/>
            <pc:sldMk cId="1279582212" sldId="257"/>
            <ac:spMk id="1066" creationId="{1569D119-B4A1-4237-9848-2816B198FD67}"/>
          </ac:spMkLst>
        </pc:spChg>
        <pc:spChg chg="add del mod modVis">
          <ac:chgData name="Manuel Lidauer" userId="b55e45dd-c6cc-461d-bef5-835fc172e678" providerId="ADAL" clId="{BCD0C6F6-2D95-4A66-B702-D3858BC1FC00}" dt="2019-09-26T09:36:16.028" v="25653"/>
          <ac:spMkLst>
            <pc:docMk/>
            <pc:sldMk cId="1279582212" sldId="257"/>
            <ac:spMk id="1067" creationId="{A5214B4A-3791-4914-87C1-66314DE724A3}"/>
          </ac:spMkLst>
        </pc:spChg>
        <pc:spChg chg="add del mod modVis">
          <ac:chgData name="Manuel Lidauer" userId="b55e45dd-c6cc-461d-bef5-835fc172e678" providerId="ADAL" clId="{BCD0C6F6-2D95-4A66-B702-D3858BC1FC00}" dt="2019-09-26T09:36:16.029" v="25655"/>
          <ac:spMkLst>
            <pc:docMk/>
            <pc:sldMk cId="1279582212" sldId="257"/>
            <ac:spMk id="1068" creationId="{81DAB689-E6EC-4627-8EBA-3BFF5CCF679C}"/>
          </ac:spMkLst>
        </pc:spChg>
        <pc:spChg chg="add del mod modVis">
          <ac:chgData name="Manuel Lidauer" userId="b55e45dd-c6cc-461d-bef5-835fc172e678" providerId="ADAL" clId="{BCD0C6F6-2D95-4A66-B702-D3858BC1FC00}" dt="2019-09-26T09:36:16.029" v="25657"/>
          <ac:spMkLst>
            <pc:docMk/>
            <pc:sldMk cId="1279582212" sldId="257"/>
            <ac:spMk id="1069" creationId="{AD135DAC-A68F-402E-AFEE-51C2A9C43C77}"/>
          </ac:spMkLst>
        </pc:spChg>
        <pc:spChg chg="add del mod modVis">
          <ac:chgData name="Manuel Lidauer" userId="b55e45dd-c6cc-461d-bef5-835fc172e678" providerId="ADAL" clId="{BCD0C6F6-2D95-4A66-B702-D3858BC1FC00}" dt="2019-09-26T09:36:16.030" v="25659"/>
          <ac:spMkLst>
            <pc:docMk/>
            <pc:sldMk cId="1279582212" sldId="257"/>
            <ac:spMk id="1070" creationId="{EADC3776-2CEE-4C95-82B3-B3AE295D7537}"/>
          </ac:spMkLst>
        </pc:spChg>
        <pc:spChg chg="add del mod modVis">
          <ac:chgData name="Manuel Lidauer" userId="b55e45dd-c6cc-461d-bef5-835fc172e678" providerId="ADAL" clId="{BCD0C6F6-2D95-4A66-B702-D3858BC1FC00}" dt="2019-09-26T09:36:16.030" v="25661"/>
          <ac:spMkLst>
            <pc:docMk/>
            <pc:sldMk cId="1279582212" sldId="257"/>
            <ac:spMk id="1071" creationId="{3ED570D9-C9BC-4B3A-A3DE-1208482C5562}"/>
          </ac:spMkLst>
        </pc:spChg>
        <pc:spChg chg="add del mod modVis">
          <ac:chgData name="Manuel Lidauer" userId="b55e45dd-c6cc-461d-bef5-835fc172e678" providerId="ADAL" clId="{BCD0C6F6-2D95-4A66-B702-D3858BC1FC00}" dt="2019-09-26T09:36:16.031" v="25663"/>
          <ac:spMkLst>
            <pc:docMk/>
            <pc:sldMk cId="1279582212" sldId="257"/>
            <ac:spMk id="1072" creationId="{AE39F647-7E75-4697-9E63-BD104B4BE9AD}"/>
          </ac:spMkLst>
        </pc:spChg>
        <pc:spChg chg="add del mod modVis">
          <ac:chgData name="Manuel Lidauer" userId="b55e45dd-c6cc-461d-bef5-835fc172e678" providerId="ADAL" clId="{BCD0C6F6-2D95-4A66-B702-D3858BC1FC00}" dt="2019-09-26T09:38:20.890" v="37737"/>
          <ac:spMkLst>
            <pc:docMk/>
            <pc:sldMk cId="1279582212" sldId="257"/>
            <ac:spMk id="1073" creationId="{6A3706B2-A402-455F-82DC-38E7FA2BB5C8}"/>
          </ac:spMkLst>
        </pc:spChg>
        <pc:spChg chg="add del mod modVis">
          <ac:chgData name="Manuel Lidauer" userId="b55e45dd-c6cc-461d-bef5-835fc172e678" providerId="ADAL" clId="{BCD0C6F6-2D95-4A66-B702-D3858BC1FC00}" dt="2019-09-26T09:38:20.890" v="37739"/>
          <ac:spMkLst>
            <pc:docMk/>
            <pc:sldMk cId="1279582212" sldId="257"/>
            <ac:spMk id="1074" creationId="{E67AAB81-ABDB-4C3B-B17F-F3F6C2CAF737}"/>
          </ac:spMkLst>
        </pc:spChg>
        <pc:spChg chg="add del mod modVis">
          <ac:chgData name="Manuel Lidauer" userId="b55e45dd-c6cc-461d-bef5-835fc172e678" providerId="ADAL" clId="{BCD0C6F6-2D95-4A66-B702-D3858BC1FC00}" dt="2019-09-26T09:38:20.891" v="37740"/>
          <ac:spMkLst>
            <pc:docMk/>
            <pc:sldMk cId="1279582212" sldId="257"/>
            <ac:spMk id="1075" creationId="{15B893D3-C162-485C-BAE7-2AC22541807E}"/>
          </ac:spMkLst>
        </pc:spChg>
        <pc:spChg chg="add del mod modVis">
          <ac:chgData name="Manuel Lidauer" userId="b55e45dd-c6cc-461d-bef5-835fc172e678" providerId="ADAL" clId="{BCD0C6F6-2D95-4A66-B702-D3858BC1FC00}" dt="2019-09-26T09:38:20.891" v="37741"/>
          <ac:spMkLst>
            <pc:docMk/>
            <pc:sldMk cId="1279582212" sldId="257"/>
            <ac:spMk id="1076" creationId="{ECEAFD7A-6473-46CD-B794-D65A8B15E192}"/>
          </ac:spMkLst>
        </pc:spChg>
        <pc:spChg chg="add del mod modVis">
          <ac:chgData name="Manuel Lidauer" userId="b55e45dd-c6cc-461d-bef5-835fc172e678" providerId="ADAL" clId="{BCD0C6F6-2D95-4A66-B702-D3858BC1FC00}" dt="2019-09-26T09:38:20.892" v="37742"/>
          <ac:spMkLst>
            <pc:docMk/>
            <pc:sldMk cId="1279582212" sldId="257"/>
            <ac:spMk id="1077" creationId="{025DF7E5-4190-462F-A635-60C9B58FC04B}"/>
          </ac:spMkLst>
        </pc:spChg>
        <pc:spChg chg="add del mod modVis">
          <ac:chgData name="Manuel Lidauer" userId="b55e45dd-c6cc-461d-bef5-835fc172e678" providerId="ADAL" clId="{BCD0C6F6-2D95-4A66-B702-D3858BC1FC00}" dt="2019-09-26T09:38:20.892" v="37744"/>
          <ac:spMkLst>
            <pc:docMk/>
            <pc:sldMk cId="1279582212" sldId="257"/>
            <ac:spMk id="1078" creationId="{BC9D686C-891C-4C01-A82F-15199B3589FA}"/>
          </ac:spMkLst>
        </pc:spChg>
        <pc:spChg chg="add del mod modVis">
          <ac:chgData name="Manuel Lidauer" userId="b55e45dd-c6cc-461d-bef5-835fc172e678" providerId="ADAL" clId="{BCD0C6F6-2D95-4A66-B702-D3858BC1FC00}" dt="2019-09-26T09:38:20.894" v="37746"/>
          <ac:spMkLst>
            <pc:docMk/>
            <pc:sldMk cId="1279582212" sldId="257"/>
            <ac:spMk id="1079" creationId="{64BE85C1-5D22-4316-ACE7-9ED3E9EEA397}"/>
          </ac:spMkLst>
        </pc:spChg>
        <pc:spChg chg="add del mod modVis">
          <ac:chgData name="Manuel Lidauer" userId="b55e45dd-c6cc-461d-bef5-835fc172e678" providerId="ADAL" clId="{BCD0C6F6-2D95-4A66-B702-D3858BC1FC00}" dt="2019-09-26T09:38:20.896" v="37750"/>
          <ac:spMkLst>
            <pc:docMk/>
            <pc:sldMk cId="1279582212" sldId="257"/>
            <ac:spMk id="1081" creationId="{52F8AB60-25F0-4894-AE66-0E40574C39B2}"/>
          </ac:spMkLst>
        </pc:spChg>
        <pc:spChg chg="add del mod modVis">
          <ac:chgData name="Manuel Lidauer" userId="b55e45dd-c6cc-461d-bef5-835fc172e678" providerId="ADAL" clId="{BCD0C6F6-2D95-4A66-B702-D3858BC1FC00}" dt="2019-09-26T09:38:20.897" v="37754"/>
          <ac:spMkLst>
            <pc:docMk/>
            <pc:sldMk cId="1279582212" sldId="257"/>
            <ac:spMk id="1083" creationId="{F46445D9-F177-4730-902A-012EFD660748}"/>
          </ac:spMkLst>
        </pc:spChg>
        <pc:spChg chg="add del mod modVis">
          <ac:chgData name="Manuel Lidauer" userId="b55e45dd-c6cc-461d-bef5-835fc172e678" providerId="ADAL" clId="{BCD0C6F6-2D95-4A66-B702-D3858BC1FC00}" dt="2019-09-26T09:38:20.898" v="37758"/>
          <ac:spMkLst>
            <pc:docMk/>
            <pc:sldMk cId="1279582212" sldId="257"/>
            <ac:spMk id="1085" creationId="{5FB324BE-FA0A-494C-8868-848205989C98}"/>
          </ac:spMkLst>
        </pc:spChg>
        <pc:spChg chg="add del mod modVis">
          <ac:chgData name="Manuel Lidauer" userId="b55e45dd-c6cc-461d-bef5-835fc172e678" providerId="ADAL" clId="{BCD0C6F6-2D95-4A66-B702-D3858BC1FC00}" dt="2019-09-26T09:38:20.900" v="37762"/>
          <ac:spMkLst>
            <pc:docMk/>
            <pc:sldMk cId="1279582212" sldId="257"/>
            <ac:spMk id="1087" creationId="{A90C46A9-F8A0-48DA-BD34-C7AC7781C955}"/>
          </ac:spMkLst>
        </pc:spChg>
        <pc:spChg chg="add del mod modVis">
          <ac:chgData name="Manuel Lidauer" userId="b55e45dd-c6cc-461d-bef5-835fc172e678" providerId="ADAL" clId="{BCD0C6F6-2D95-4A66-B702-D3858BC1FC00}" dt="2019-09-26T09:38:20.901" v="37766"/>
          <ac:spMkLst>
            <pc:docMk/>
            <pc:sldMk cId="1279582212" sldId="257"/>
            <ac:spMk id="1089" creationId="{2C96E6E5-CA76-4C6B-9791-02903637CC5C}"/>
          </ac:spMkLst>
        </pc:spChg>
        <pc:spChg chg="add del mod modVis">
          <ac:chgData name="Manuel Lidauer" userId="b55e45dd-c6cc-461d-bef5-835fc172e678" providerId="ADAL" clId="{BCD0C6F6-2D95-4A66-B702-D3858BC1FC00}" dt="2019-09-26T09:38:20.902" v="37770"/>
          <ac:spMkLst>
            <pc:docMk/>
            <pc:sldMk cId="1279582212" sldId="257"/>
            <ac:spMk id="1091" creationId="{034F3698-C931-4304-92B9-D3D41AECF499}"/>
          </ac:spMkLst>
        </pc:spChg>
        <pc:spChg chg="add del mod modVis">
          <ac:chgData name="Manuel Lidauer" userId="b55e45dd-c6cc-461d-bef5-835fc172e678" providerId="ADAL" clId="{BCD0C6F6-2D95-4A66-B702-D3858BC1FC00}" dt="2019-09-26T09:38:20.904" v="37774"/>
          <ac:spMkLst>
            <pc:docMk/>
            <pc:sldMk cId="1279582212" sldId="257"/>
            <ac:spMk id="1093" creationId="{F5C7A55A-3E70-4BD5-B96D-40A39969C324}"/>
          </ac:spMkLst>
        </pc:spChg>
        <pc:spChg chg="add del mod modVis">
          <ac:chgData name="Manuel Lidauer" userId="b55e45dd-c6cc-461d-bef5-835fc172e678" providerId="ADAL" clId="{BCD0C6F6-2D95-4A66-B702-D3858BC1FC00}" dt="2019-09-26T09:38:20.905" v="37778"/>
          <ac:spMkLst>
            <pc:docMk/>
            <pc:sldMk cId="1279582212" sldId="257"/>
            <ac:spMk id="1095" creationId="{D5ED10C0-8ADA-408D-AA3F-EFD519B94BEB}"/>
          </ac:spMkLst>
        </pc:spChg>
        <pc:spChg chg="add del mod modVis">
          <ac:chgData name="Manuel Lidauer" userId="b55e45dd-c6cc-461d-bef5-835fc172e678" providerId="ADAL" clId="{BCD0C6F6-2D95-4A66-B702-D3858BC1FC00}" dt="2019-09-26T09:38:20.906" v="37780"/>
          <ac:spMkLst>
            <pc:docMk/>
            <pc:sldMk cId="1279582212" sldId="257"/>
            <ac:spMk id="1136" creationId="{1E330768-8582-41CA-B45F-099868158174}"/>
          </ac:spMkLst>
        </pc:spChg>
        <pc:spChg chg="add del mod modVis">
          <ac:chgData name="Manuel Lidauer" userId="b55e45dd-c6cc-461d-bef5-835fc172e678" providerId="ADAL" clId="{BCD0C6F6-2D95-4A66-B702-D3858BC1FC00}" dt="2019-09-26T09:38:20.906" v="37782"/>
          <ac:spMkLst>
            <pc:docMk/>
            <pc:sldMk cId="1279582212" sldId="257"/>
            <ac:spMk id="1137" creationId="{3AF69046-6B42-4FC7-8C36-EAF432FBC7E0}"/>
          </ac:spMkLst>
        </pc:spChg>
        <pc:spChg chg="add del mod modVis">
          <ac:chgData name="Manuel Lidauer" userId="b55e45dd-c6cc-461d-bef5-835fc172e678" providerId="ADAL" clId="{BCD0C6F6-2D95-4A66-B702-D3858BC1FC00}" dt="2019-09-26T09:38:20.907" v="37783"/>
          <ac:spMkLst>
            <pc:docMk/>
            <pc:sldMk cId="1279582212" sldId="257"/>
            <ac:spMk id="1138" creationId="{43D25046-7D68-43EE-8DF8-775CC3F74AE2}"/>
          </ac:spMkLst>
        </pc:spChg>
        <pc:spChg chg="add del mod modVis">
          <ac:chgData name="Manuel Lidauer" userId="b55e45dd-c6cc-461d-bef5-835fc172e678" providerId="ADAL" clId="{BCD0C6F6-2D95-4A66-B702-D3858BC1FC00}" dt="2019-09-26T09:38:20.908" v="37785"/>
          <ac:spMkLst>
            <pc:docMk/>
            <pc:sldMk cId="1279582212" sldId="257"/>
            <ac:spMk id="1139" creationId="{5DD23F4C-ADF5-4F48-8B9B-EDBBEA9B1FDF}"/>
          </ac:spMkLst>
        </pc:spChg>
        <pc:spChg chg="add del mod modVis">
          <ac:chgData name="Manuel Lidauer" userId="b55e45dd-c6cc-461d-bef5-835fc172e678" providerId="ADAL" clId="{BCD0C6F6-2D95-4A66-B702-D3858BC1FC00}" dt="2019-09-26T09:38:20.908" v="37787"/>
          <ac:spMkLst>
            <pc:docMk/>
            <pc:sldMk cId="1279582212" sldId="257"/>
            <ac:spMk id="1140" creationId="{0CE57BE7-40AD-47B6-90B0-C328FDD63ECB}"/>
          </ac:spMkLst>
        </pc:spChg>
        <pc:spChg chg="add del mod modVis">
          <ac:chgData name="Manuel Lidauer" userId="b55e45dd-c6cc-461d-bef5-835fc172e678" providerId="ADAL" clId="{BCD0C6F6-2D95-4A66-B702-D3858BC1FC00}" dt="2019-09-26T09:38:20.909" v="37788"/>
          <ac:spMkLst>
            <pc:docMk/>
            <pc:sldMk cId="1279582212" sldId="257"/>
            <ac:spMk id="1141" creationId="{1A2A5477-398A-4157-B046-FF71B15C41E7}"/>
          </ac:spMkLst>
        </pc:spChg>
        <pc:spChg chg="add del mod modVis">
          <ac:chgData name="Manuel Lidauer" userId="b55e45dd-c6cc-461d-bef5-835fc172e678" providerId="ADAL" clId="{BCD0C6F6-2D95-4A66-B702-D3858BC1FC00}" dt="2019-09-26T09:38:20.909" v="37790"/>
          <ac:spMkLst>
            <pc:docMk/>
            <pc:sldMk cId="1279582212" sldId="257"/>
            <ac:spMk id="1142" creationId="{8D51B368-F9F8-485F-B5C7-F149BB5B8537}"/>
          </ac:spMkLst>
        </pc:spChg>
        <pc:spChg chg="add del mod modVis">
          <ac:chgData name="Manuel Lidauer" userId="b55e45dd-c6cc-461d-bef5-835fc172e678" providerId="ADAL" clId="{BCD0C6F6-2D95-4A66-B702-D3858BC1FC00}" dt="2019-09-26T09:38:20.910" v="37792"/>
          <ac:spMkLst>
            <pc:docMk/>
            <pc:sldMk cId="1279582212" sldId="257"/>
            <ac:spMk id="1143" creationId="{0DD3BE06-B006-4A83-BAB2-03D21FC4FD2D}"/>
          </ac:spMkLst>
        </pc:spChg>
        <pc:spChg chg="add del mod modVis">
          <ac:chgData name="Manuel Lidauer" userId="b55e45dd-c6cc-461d-bef5-835fc172e678" providerId="ADAL" clId="{BCD0C6F6-2D95-4A66-B702-D3858BC1FC00}" dt="2019-09-26T09:38:20.911" v="37793"/>
          <ac:spMkLst>
            <pc:docMk/>
            <pc:sldMk cId="1279582212" sldId="257"/>
            <ac:spMk id="1144" creationId="{2F8542ED-CC9E-4066-A7BD-8921857C6425}"/>
          </ac:spMkLst>
        </pc:spChg>
        <pc:spChg chg="add del mod modVis">
          <ac:chgData name="Manuel Lidauer" userId="b55e45dd-c6cc-461d-bef5-835fc172e678" providerId="ADAL" clId="{BCD0C6F6-2D95-4A66-B702-D3858BC1FC00}" dt="2019-09-26T09:38:20.912" v="37795"/>
          <ac:spMkLst>
            <pc:docMk/>
            <pc:sldMk cId="1279582212" sldId="257"/>
            <ac:spMk id="1145" creationId="{505E502E-3D9B-4592-8BE8-4504C95A8C62}"/>
          </ac:spMkLst>
        </pc:spChg>
        <pc:spChg chg="add del mod modVis">
          <ac:chgData name="Manuel Lidauer" userId="b55e45dd-c6cc-461d-bef5-835fc172e678" providerId="ADAL" clId="{BCD0C6F6-2D95-4A66-B702-D3858BC1FC00}" dt="2019-09-26T09:38:20.913" v="37797"/>
          <ac:spMkLst>
            <pc:docMk/>
            <pc:sldMk cId="1279582212" sldId="257"/>
            <ac:spMk id="1146" creationId="{0A131B93-723E-4ADB-8E9F-3AE618D61BCE}"/>
          </ac:spMkLst>
        </pc:spChg>
        <pc:spChg chg="add del mod modVis">
          <ac:chgData name="Manuel Lidauer" userId="b55e45dd-c6cc-461d-bef5-835fc172e678" providerId="ADAL" clId="{BCD0C6F6-2D95-4A66-B702-D3858BC1FC00}" dt="2019-09-26T09:38:20.913" v="37798"/>
          <ac:spMkLst>
            <pc:docMk/>
            <pc:sldMk cId="1279582212" sldId="257"/>
            <ac:spMk id="1147" creationId="{52CE38EE-9219-4675-9102-8AFDAAC45C53}"/>
          </ac:spMkLst>
        </pc:spChg>
        <pc:spChg chg="add del mod modVis">
          <ac:chgData name="Manuel Lidauer" userId="b55e45dd-c6cc-461d-bef5-835fc172e678" providerId="ADAL" clId="{BCD0C6F6-2D95-4A66-B702-D3858BC1FC00}" dt="2019-09-26T09:38:20.914" v="37800"/>
          <ac:spMkLst>
            <pc:docMk/>
            <pc:sldMk cId="1279582212" sldId="257"/>
            <ac:spMk id="1148" creationId="{C7CAB878-FD3F-413B-BE92-A0102A7423CC}"/>
          </ac:spMkLst>
        </pc:spChg>
        <pc:spChg chg="add del mod modVis">
          <ac:chgData name="Manuel Lidauer" userId="b55e45dd-c6cc-461d-bef5-835fc172e678" providerId="ADAL" clId="{BCD0C6F6-2D95-4A66-B702-D3858BC1FC00}" dt="2019-09-26T09:38:20.915" v="37802"/>
          <ac:spMkLst>
            <pc:docMk/>
            <pc:sldMk cId="1279582212" sldId="257"/>
            <ac:spMk id="1149" creationId="{96D2DEFD-7BC3-4581-8F98-9361F409F705}"/>
          </ac:spMkLst>
        </pc:spChg>
        <pc:spChg chg="add del mod modVis">
          <ac:chgData name="Manuel Lidauer" userId="b55e45dd-c6cc-461d-bef5-835fc172e678" providerId="ADAL" clId="{BCD0C6F6-2D95-4A66-B702-D3858BC1FC00}" dt="2019-09-26T09:38:20.915" v="37803"/>
          <ac:spMkLst>
            <pc:docMk/>
            <pc:sldMk cId="1279582212" sldId="257"/>
            <ac:spMk id="1150" creationId="{859F043C-B9C1-4CA7-975D-C2D39FD121AD}"/>
          </ac:spMkLst>
        </pc:spChg>
        <pc:spChg chg="add del mod modVis">
          <ac:chgData name="Manuel Lidauer" userId="b55e45dd-c6cc-461d-bef5-835fc172e678" providerId="ADAL" clId="{BCD0C6F6-2D95-4A66-B702-D3858BC1FC00}" dt="2019-09-26T09:38:20.916" v="37805"/>
          <ac:spMkLst>
            <pc:docMk/>
            <pc:sldMk cId="1279582212" sldId="257"/>
            <ac:spMk id="1151" creationId="{F9FC2EC3-E791-47CD-AD7E-4F0D3C4F2337}"/>
          </ac:spMkLst>
        </pc:spChg>
        <pc:spChg chg="add del mod modVis">
          <ac:chgData name="Manuel Lidauer" userId="b55e45dd-c6cc-461d-bef5-835fc172e678" providerId="ADAL" clId="{BCD0C6F6-2D95-4A66-B702-D3858BC1FC00}" dt="2019-09-26T09:38:20.916" v="37807"/>
          <ac:spMkLst>
            <pc:docMk/>
            <pc:sldMk cId="1279582212" sldId="257"/>
            <ac:spMk id="1152" creationId="{2FFCFBA7-3472-4EF3-85AD-E7C0B22054C3}"/>
          </ac:spMkLst>
        </pc:spChg>
        <pc:spChg chg="add del mod modVis">
          <ac:chgData name="Manuel Lidauer" userId="b55e45dd-c6cc-461d-bef5-835fc172e678" providerId="ADAL" clId="{BCD0C6F6-2D95-4A66-B702-D3858BC1FC00}" dt="2019-09-26T09:38:20.917" v="37808"/>
          <ac:spMkLst>
            <pc:docMk/>
            <pc:sldMk cId="1279582212" sldId="257"/>
            <ac:spMk id="1153" creationId="{E7DA0AB3-E105-4439-A5C2-A39770954131}"/>
          </ac:spMkLst>
        </pc:spChg>
        <pc:spChg chg="add del mod modVis">
          <ac:chgData name="Manuel Lidauer" userId="b55e45dd-c6cc-461d-bef5-835fc172e678" providerId="ADAL" clId="{BCD0C6F6-2D95-4A66-B702-D3858BC1FC00}" dt="2019-09-26T09:38:20.917" v="37809"/>
          <ac:spMkLst>
            <pc:docMk/>
            <pc:sldMk cId="1279582212" sldId="257"/>
            <ac:spMk id="1154" creationId="{28478EEE-5777-4169-9C8F-79905C40EB9B}"/>
          </ac:spMkLst>
        </pc:spChg>
        <pc:spChg chg="add del mod modVis">
          <ac:chgData name="Manuel Lidauer" userId="b55e45dd-c6cc-461d-bef5-835fc172e678" providerId="ADAL" clId="{BCD0C6F6-2D95-4A66-B702-D3858BC1FC00}" dt="2019-09-26T09:38:20.918" v="37811"/>
          <ac:spMkLst>
            <pc:docMk/>
            <pc:sldMk cId="1279582212" sldId="257"/>
            <ac:spMk id="1155" creationId="{2EB639A2-E5AE-4E7F-8514-3BA2C979505B}"/>
          </ac:spMkLst>
        </pc:spChg>
        <pc:spChg chg="add del mod modVis">
          <ac:chgData name="Manuel Lidauer" userId="b55e45dd-c6cc-461d-bef5-835fc172e678" providerId="ADAL" clId="{BCD0C6F6-2D95-4A66-B702-D3858BC1FC00}" dt="2019-09-26T09:38:20.918" v="37813"/>
          <ac:spMkLst>
            <pc:docMk/>
            <pc:sldMk cId="1279582212" sldId="257"/>
            <ac:spMk id="1156" creationId="{9FFB2FCD-E3AF-4A95-BF9F-0929C435A994}"/>
          </ac:spMkLst>
        </pc:spChg>
        <pc:spChg chg="add del mod modVis">
          <ac:chgData name="Manuel Lidauer" userId="b55e45dd-c6cc-461d-bef5-835fc172e678" providerId="ADAL" clId="{BCD0C6F6-2D95-4A66-B702-D3858BC1FC00}" dt="2019-09-26T09:38:20.920" v="37815"/>
          <ac:spMkLst>
            <pc:docMk/>
            <pc:sldMk cId="1279582212" sldId="257"/>
            <ac:spMk id="1157" creationId="{7212C432-D697-4E8A-B61E-CEFC152172EB}"/>
          </ac:spMkLst>
        </pc:spChg>
        <pc:spChg chg="add del mod modVis">
          <ac:chgData name="Manuel Lidauer" userId="b55e45dd-c6cc-461d-bef5-835fc172e678" providerId="ADAL" clId="{BCD0C6F6-2D95-4A66-B702-D3858BC1FC00}" dt="2019-09-26T09:38:20.920" v="37817"/>
          <ac:spMkLst>
            <pc:docMk/>
            <pc:sldMk cId="1279582212" sldId="257"/>
            <ac:spMk id="1158" creationId="{D842FC11-8473-4C09-9094-2E2E623F9A61}"/>
          </ac:spMkLst>
        </pc:spChg>
        <pc:spChg chg="add del mod modVis">
          <ac:chgData name="Manuel Lidauer" userId="b55e45dd-c6cc-461d-bef5-835fc172e678" providerId="ADAL" clId="{BCD0C6F6-2D95-4A66-B702-D3858BC1FC00}" dt="2019-09-26T09:38:20.920" v="37819"/>
          <ac:spMkLst>
            <pc:docMk/>
            <pc:sldMk cId="1279582212" sldId="257"/>
            <ac:spMk id="1159" creationId="{79008CB6-FCB0-43F5-A864-D66083E2D368}"/>
          </ac:spMkLst>
        </pc:spChg>
        <pc:spChg chg="add del mod modVis">
          <ac:chgData name="Manuel Lidauer" userId="b55e45dd-c6cc-461d-bef5-835fc172e678" providerId="ADAL" clId="{BCD0C6F6-2D95-4A66-B702-D3858BC1FC00}" dt="2019-09-26T09:38:20.921" v="37821"/>
          <ac:spMkLst>
            <pc:docMk/>
            <pc:sldMk cId="1279582212" sldId="257"/>
            <ac:spMk id="1160" creationId="{8D80CE2B-2263-4D08-8E7F-76228CD2C319}"/>
          </ac:spMkLst>
        </pc:spChg>
        <pc:spChg chg="add del mod modVis">
          <ac:chgData name="Manuel Lidauer" userId="b55e45dd-c6cc-461d-bef5-835fc172e678" providerId="ADAL" clId="{BCD0C6F6-2D95-4A66-B702-D3858BC1FC00}" dt="2019-09-26T09:38:20.922" v="37823"/>
          <ac:spMkLst>
            <pc:docMk/>
            <pc:sldMk cId="1279582212" sldId="257"/>
            <ac:spMk id="1161" creationId="{859762AF-76DD-4834-ABB9-21086DD8CAE2}"/>
          </ac:spMkLst>
        </pc:spChg>
        <pc:spChg chg="add del mod modVis">
          <ac:chgData name="Manuel Lidauer" userId="b55e45dd-c6cc-461d-bef5-835fc172e678" providerId="ADAL" clId="{BCD0C6F6-2D95-4A66-B702-D3858BC1FC00}" dt="2019-09-26T09:38:20.922" v="37824"/>
          <ac:spMkLst>
            <pc:docMk/>
            <pc:sldMk cId="1279582212" sldId="257"/>
            <ac:spMk id="1162" creationId="{AFFD6803-496D-45ED-AD31-C2727A86C6B4}"/>
          </ac:spMkLst>
        </pc:spChg>
        <pc:spChg chg="add del mod modVis">
          <ac:chgData name="Manuel Lidauer" userId="b55e45dd-c6cc-461d-bef5-835fc172e678" providerId="ADAL" clId="{BCD0C6F6-2D95-4A66-B702-D3858BC1FC00}" dt="2019-09-26T09:38:20.923" v="37826"/>
          <ac:spMkLst>
            <pc:docMk/>
            <pc:sldMk cId="1279582212" sldId="257"/>
            <ac:spMk id="1163" creationId="{A1836393-157C-4A39-A323-D12C4E2331AB}"/>
          </ac:spMkLst>
        </pc:spChg>
        <pc:spChg chg="add del mod modVis">
          <ac:chgData name="Manuel Lidauer" userId="b55e45dd-c6cc-461d-bef5-835fc172e678" providerId="ADAL" clId="{BCD0C6F6-2D95-4A66-B702-D3858BC1FC00}" dt="2019-09-26T09:38:20.924" v="37828"/>
          <ac:spMkLst>
            <pc:docMk/>
            <pc:sldMk cId="1279582212" sldId="257"/>
            <ac:spMk id="1164" creationId="{07854A56-3D89-47C5-B7CE-8DBCBD61DB1C}"/>
          </ac:spMkLst>
        </pc:spChg>
        <pc:spChg chg="add del mod modVis">
          <ac:chgData name="Manuel Lidauer" userId="b55e45dd-c6cc-461d-bef5-835fc172e678" providerId="ADAL" clId="{BCD0C6F6-2D95-4A66-B702-D3858BC1FC00}" dt="2019-09-26T09:38:20.924" v="37830"/>
          <ac:spMkLst>
            <pc:docMk/>
            <pc:sldMk cId="1279582212" sldId="257"/>
            <ac:spMk id="1165" creationId="{50D55292-6D8C-4E92-89F7-9A8EABFC9590}"/>
          </ac:spMkLst>
        </pc:spChg>
        <pc:spChg chg="add del mod modVis">
          <ac:chgData name="Manuel Lidauer" userId="b55e45dd-c6cc-461d-bef5-835fc172e678" providerId="ADAL" clId="{BCD0C6F6-2D95-4A66-B702-D3858BC1FC00}" dt="2019-09-26T09:38:20.926" v="37832"/>
          <ac:spMkLst>
            <pc:docMk/>
            <pc:sldMk cId="1279582212" sldId="257"/>
            <ac:spMk id="1166" creationId="{F2E8D8C6-03D8-4624-87F5-6D8C6E6033D1}"/>
          </ac:spMkLst>
        </pc:spChg>
        <pc:spChg chg="add del mod modVis">
          <ac:chgData name="Manuel Lidauer" userId="b55e45dd-c6cc-461d-bef5-835fc172e678" providerId="ADAL" clId="{BCD0C6F6-2D95-4A66-B702-D3858BC1FC00}" dt="2019-09-26T09:38:20.927" v="37834"/>
          <ac:spMkLst>
            <pc:docMk/>
            <pc:sldMk cId="1279582212" sldId="257"/>
            <ac:spMk id="1167" creationId="{87FD3ABC-7E4F-4CBB-8BD7-0564585BEE32}"/>
          </ac:spMkLst>
        </pc:spChg>
        <pc:spChg chg="add del mod modVis">
          <ac:chgData name="Manuel Lidauer" userId="b55e45dd-c6cc-461d-bef5-835fc172e678" providerId="ADAL" clId="{BCD0C6F6-2D95-4A66-B702-D3858BC1FC00}" dt="2019-09-26T09:38:20.928" v="37836"/>
          <ac:spMkLst>
            <pc:docMk/>
            <pc:sldMk cId="1279582212" sldId="257"/>
            <ac:spMk id="1168" creationId="{FB61D368-5218-4CF7-A94C-532981E2E28A}"/>
          </ac:spMkLst>
        </pc:spChg>
        <pc:spChg chg="add del mod modVis">
          <ac:chgData name="Manuel Lidauer" userId="b55e45dd-c6cc-461d-bef5-835fc172e678" providerId="ADAL" clId="{BCD0C6F6-2D95-4A66-B702-D3858BC1FC00}" dt="2019-09-26T09:38:20.929" v="37838"/>
          <ac:spMkLst>
            <pc:docMk/>
            <pc:sldMk cId="1279582212" sldId="257"/>
            <ac:spMk id="1169" creationId="{CCD7938D-54C0-407B-94BC-0470233BF042}"/>
          </ac:spMkLst>
        </pc:spChg>
        <pc:spChg chg="add del mod modVis">
          <ac:chgData name="Manuel Lidauer" userId="b55e45dd-c6cc-461d-bef5-835fc172e678" providerId="ADAL" clId="{BCD0C6F6-2D95-4A66-B702-D3858BC1FC00}" dt="2019-09-26T09:38:20.929" v="37839"/>
          <ac:spMkLst>
            <pc:docMk/>
            <pc:sldMk cId="1279582212" sldId="257"/>
            <ac:spMk id="1170" creationId="{42B2EA66-1F1A-497A-8096-EB7589FF8DC2}"/>
          </ac:spMkLst>
        </pc:spChg>
        <pc:spChg chg="add del mod modVis">
          <ac:chgData name="Manuel Lidauer" userId="b55e45dd-c6cc-461d-bef5-835fc172e678" providerId="ADAL" clId="{BCD0C6F6-2D95-4A66-B702-D3858BC1FC00}" dt="2019-09-26T09:38:20.930" v="37841"/>
          <ac:spMkLst>
            <pc:docMk/>
            <pc:sldMk cId="1279582212" sldId="257"/>
            <ac:spMk id="1171" creationId="{1899B670-2E6B-4BD3-BED3-862D407E9C57}"/>
          </ac:spMkLst>
        </pc:spChg>
        <pc:spChg chg="add del mod modVis">
          <ac:chgData name="Manuel Lidauer" userId="b55e45dd-c6cc-461d-bef5-835fc172e678" providerId="ADAL" clId="{BCD0C6F6-2D95-4A66-B702-D3858BC1FC00}" dt="2019-09-26T09:38:20.931" v="37843"/>
          <ac:spMkLst>
            <pc:docMk/>
            <pc:sldMk cId="1279582212" sldId="257"/>
            <ac:spMk id="1172" creationId="{6A6CB5DB-A3E0-41DA-AF50-CCEAD79F72BD}"/>
          </ac:spMkLst>
        </pc:spChg>
        <pc:spChg chg="add del mod modVis">
          <ac:chgData name="Manuel Lidauer" userId="b55e45dd-c6cc-461d-bef5-835fc172e678" providerId="ADAL" clId="{BCD0C6F6-2D95-4A66-B702-D3858BC1FC00}" dt="2019-09-26T09:38:20.931" v="37845"/>
          <ac:spMkLst>
            <pc:docMk/>
            <pc:sldMk cId="1279582212" sldId="257"/>
            <ac:spMk id="1173" creationId="{4A087D43-7059-4628-BC3D-E3FB8AB1C19F}"/>
          </ac:spMkLst>
        </pc:spChg>
        <pc:spChg chg="add del mod modVis">
          <ac:chgData name="Manuel Lidauer" userId="b55e45dd-c6cc-461d-bef5-835fc172e678" providerId="ADAL" clId="{BCD0C6F6-2D95-4A66-B702-D3858BC1FC00}" dt="2019-09-26T09:38:20.932" v="37847"/>
          <ac:spMkLst>
            <pc:docMk/>
            <pc:sldMk cId="1279582212" sldId="257"/>
            <ac:spMk id="1174" creationId="{8BA182AC-8041-4858-B527-5CA5B50FBC4C}"/>
          </ac:spMkLst>
        </pc:spChg>
        <pc:spChg chg="add del mod modVis">
          <ac:chgData name="Manuel Lidauer" userId="b55e45dd-c6cc-461d-bef5-835fc172e678" providerId="ADAL" clId="{BCD0C6F6-2D95-4A66-B702-D3858BC1FC00}" dt="2019-09-26T09:38:20.933" v="37849"/>
          <ac:spMkLst>
            <pc:docMk/>
            <pc:sldMk cId="1279582212" sldId="257"/>
            <ac:spMk id="1175" creationId="{98EAF9BC-0D35-4A2A-95F6-D8F62DF98FE7}"/>
          </ac:spMkLst>
        </pc:spChg>
        <pc:spChg chg="add del mod modVis">
          <ac:chgData name="Manuel Lidauer" userId="b55e45dd-c6cc-461d-bef5-835fc172e678" providerId="ADAL" clId="{BCD0C6F6-2D95-4A66-B702-D3858BC1FC00}" dt="2019-09-26T09:38:20.933" v="37851"/>
          <ac:spMkLst>
            <pc:docMk/>
            <pc:sldMk cId="1279582212" sldId="257"/>
            <ac:spMk id="1176" creationId="{A47A9961-3A93-4242-A3E8-E0426F3A25E5}"/>
          </ac:spMkLst>
        </pc:spChg>
        <pc:spChg chg="add del mod modVis">
          <ac:chgData name="Manuel Lidauer" userId="b55e45dd-c6cc-461d-bef5-835fc172e678" providerId="ADAL" clId="{BCD0C6F6-2D95-4A66-B702-D3858BC1FC00}" dt="2019-09-26T09:38:20.934" v="37853"/>
          <ac:spMkLst>
            <pc:docMk/>
            <pc:sldMk cId="1279582212" sldId="257"/>
            <ac:spMk id="1177" creationId="{B008A30A-4609-4B9D-A681-12DC1F0DF75C}"/>
          </ac:spMkLst>
        </pc:spChg>
        <pc:spChg chg="add del mod modVis">
          <ac:chgData name="Manuel Lidauer" userId="b55e45dd-c6cc-461d-bef5-835fc172e678" providerId="ADAL" clId="{BCD0C6F6-2D95-4A66-B702-D3858BC1FC00}" dt="2019-09-26T09:38:20.934" v="37854"/>
          <ac:spMkLst>
            <pc:docMk/>
            <pc:sldMk cId="1279582212" sldId="257"/>
            <ac:spMk id="1178" creationId="{5ACBE14F-112C-4D34-8F01-76257EA1622D}"/>
          </ac:spMkLst>
        </pc:spChg>
        <pc:spChg chg="add del mod modVis">
          <ac:chgData name="Manuel Lidauer" userId="b55e45dd-c6cc-461d-bef5-835fc172e678" providerId="ADAL" clId="{BCD0C6F6-2D95-4A66-B702-D3858BC1FC00}" dt="2019-09-26T09:38:20.935" v="37856"/>
          <ac:spMkLst>
            <pc:docMk/>
            <pc:sldMk cId="1279582212" sldId="257"/>
            <ac:spMk id="1179" creationId="{3DB83BEB-8016-4AF7-9A19-DCDBB54BC452}"/>
          </ac:spMkLst>
        </pc:spChg>
        <pc:spChg chg="add del mod modVis">
          <ac:chgData name="Manuel Lidauer" userId="b55e45dd-c6cc-461d-bef5-835fc172e678" providerId="ADAL" clId="{BCD0C6F6-2D95-4A66-B702-D3858BC1FC00}" dt="2019-09-26T09:38:20.936" v="37858"/>
          <ac:spMkLst>
            <pc:docMk/>
            <pc:sldMk cId="1279582212" sldId="257"/>
            <ac:spMk id="1180" creationId="{1BE90DD2-8F3D-4423-A6B1-0EE2E64737D6}"/>
          </ac:spMkLst>
        </pc:spChg>
        <pc:spChg chg="add del mod modVis">
          <ac:chgData name="Manuel Lidauer" userId="b55e45dd-c6cc-461d-bef5-835fc172e678" providerId="ADAL" clId="{BCD0C6F6-2D95-4A66-B702-D3858BC1FC00}" dt="2019-09-26T09:38:20.936" v="37860"/>
          <ac:spMkLst>
            <pc:docMk/>
            <pc:sldMk cId="1279582212" sldId="257"/>
            <ac:spMk id="1181" creationId="{51289C2B-12C9-4F8F-9AD1-C92117A1B9D0}"/>
          </ac:spMkLst>
        </pc:spChg>
        <pc:spChg chg="add del mod modVis">
          <ac:chgData name="Manuel Lidauer" userId="b55e45dd-c6cc-461d-bef5-835fc172e678" providerId="ADAL" clId="{BCD0C6F6-2D95-4A66-B702-D3858BC1FC00}" dt="2019-09-26T09:38:20.937" v="37862"/>
          <ac:spMkLst>
            <pc:docMk/>
            <pc:sldMk cId="1279582212" sldId="257"/>
            <ac:spMk id="1182" creationId="{2416D76A-5B52-45D9-BDAD-587DAB6461E8}"/>
          </ac:spMkLst>
        </pc:spChg>
        <pc:spChg chg="add del mod modVis">
          <ac:chgData name="Manuel Lidauer" userId="b55e45dd-c6cc-461d-bef5-835fc172e678" providerId="ADAL" clId="{BCD0C6F6-2D95-4A66-B702-D3858BC1FC00}" dt="2019-09-26T09:38:20.937" v="37864"/>
          <ac:spMkLst>
            <pc:docMk/>
            <pc:sldMk cId="1279582212" sldId="257"/>
            <ac:spMk id="1183" creationId="{6E455157-190B-4C9B-BAAA-A2AF21E3D0CD}"/>
          </ac:spMkLst>
        </pc:spChg>
        <pc:spChg chg="add del mod modVis">
          <ac:chgData name="Manuel Lidauer" userId="b55e45dd-c6cc-461d-bef5-835fc172e678" providerId="ADAL" clId="{BCD0C6F6-2D95-4A66-B702-D3858BC1FC00}" dt="2019-09-26T09:38:20.938" v="37866"/>
          <ac:spMkLst>
            <pc:docMk/>
            <pc:sldMk cId="1279582212" sldId="257"/>
            <ac:spMk id="1184" creationId="{0EE2FA85-FED7-4B1C-A350-B92083F4F0A3}"/>
          </ac:spMkLst>
        </pc:spChg>
        <pc:spChg chg="add del mod modVis">
          <ac:chgData name="Manuel Lidauer" userId="b55e45dd-c6cc-461d-bef5-835fc172e678" providerId="ADAL" clId="{BCD0C6F6-2D95-4A66-B702-D3858BC1FC00}" dt="2019-09-26T09:38:20.939" v="37868"/>
          <ac:spMkLst>
            <pc:docMk/>
            <pc:sldMk cId="1279582212" sldId="257"/>
            <ac:spMk id="1185" creationId="{9F61E7E4-2534-4CE6-8B4D-816554380718}"/>
          </ac:spMkLst>
        </pc:spChg>
        <pc:spChg chg="add del mod modVis">
          <ac:chgData name="Manuel Lidauer" userId="b55e45dd-c6cc-461d-bef5-835fc172e678" providerId="ADAL" clId="{BCD0C6F6-2D95-4A66-B702-D3858BC1FC00}" dt="2019-09-26T09:38:20.939" v="37869"/>
          <ac:spMkLst>
            <pc:docMk/>
            <pc:sldMk cId="1279582212" sldId="257"/>
            <ac:spMk id="1186" creationId="{B2944DED-F211-4ED0-A445-C9CAE94BA74D}"/>
          </ac:spMkLst>
        </pc:spChg>
        <pc:spChg chg="add del mod modVis">
          <ac:chgData name="Manuel Lidauer" userId="b55e45dd-c6cc-461d-bef5-835fc172e678" providerId="ADAL" clId="{BCD0C6F6-2D95-4A66-B702-D3858BC1FC00}" dt="2019-09-26T09:38:20.940" v="37871"/>
          <ac:spMkLst>
            <pc:docMk/>
            <pc:sldMk cId="1279582212" sldId="257"/>
            <ac:spMk id="1187" creationId="{8C860938-DDCD-438E-B259-9969575EDD27}"/>
          </ac:spMkLst>
        </pc:spChg>
        <pc:spChg chg="add del mod modVis">
          <ac:chgData name="Manuel Lidauer" userId="b55e45dd-c6cc-461d-bef5-835fc172e678" providerId="ADAL" clId="{BCD0C6F6-2D95-4A66-B702-D3858BC1FC00}" dt="2019-09-26T09:38:20.941" v="37873"/>
          <ac:spMkLst>
            <pc:docMk/>
            <pc:sldMk cId="1279582212" sldId="257"/>
            <ac:spMk id="1188" creationId="{5E105E6D-9E3E-473C-8C37-96240C56A56A}"/>
          </ac:spMkLst>
        </pc:spChg>
        <pc:spChg chg="add del mod modVis">
          <ac:chgData name="Manuel Lidauer" userId="b55e45dd-c6cc-461d-bef5-835fc172e678" providerId="ADAL" clId="{BCD0C6F6-2D95-4A66-B702-D3858BC1FC00}" dt="2019-09-26T09:38:20.941" v="37875"/>
          <ac:spMkLst>
            <pc:docMk/>
            <pc:sldMk cId="1279582212" sldId="257"/>
            <ac:spMk id="1189" creationId="{23AD8EED-883C-47F2-B75E-68A68A67FF54}"/>
          </ac:spMkLst>
        </pc:spChg>
        <pc:spChg chg="add del mod modVis">
          <ac:chgData name="Manuel Lidauer" userId="b55e45dd-c6cc-461d-bef5-835fc172e678" providerId="ADAL" clId="{BCD0C6F6-2D95-4A66-B702-D3858BC1FC00}" dt="2019-09-26T09:38:20.942" v="37877"/>
          <ac:spMkLst>
            <pc:docMk/>
            <pc:sldMk cId="1279582212" sldId="257"/>
            <ac:spMk id="1190" creationId="{9037B0CB-8455-4F53-AD5F-ADE7AB1F7EF6}"/>
          </ac:spMkLst>
        </pc:spChg>
        <pc:spChg chg="add del mod modVis">
          <ac:chgData name="Manuel Lidauer" userId="b55e45dd-c6cc-461d-bef5-835fc172e678" providerId="ADAL" clId="{BCD0C6F6-2D95-4A66-B702-D3858BC1FC00}" dt="2019-09-26T09:38:20.943" v="37879"/>
          <ac:spMkLst>
            <pc:docMk/>
            <pc:sldMk cId="1279582212" sldId="257"/>
            <ac:spMk id="1191" creationId="{85C862EE-E542-4C39-B79F-06168E04B1EA}"/>
          </ac:spMkLst>
        </pc:spChg>
        <pc:spChg chg="add del mod modVis">
          <ac:chgData name="Manuel Lidauer" userId="b55e45dd-c6cc-461d-bef5-835fc172e678" providerId="ADAL" clId="{BCD0C6F6-2D95-4A66-B702-D3858BC1FC00}" dt="2019-09-26T09:38:20.944" v="37881"/>
          <ac:spMkLst>
            <pc:docMk/>
            <pc:sldMk cId="1279582212" sldId="257"/>
            <ac:spMk id="1192" creationId="{8104FE6A-130D-4F41-B829-0AB48BC43009}"/>
          </ac:spMkLst>
        </pc:spChg>
        <pc:spChg chg="add del mod modVis">
          <ac:chgData name="Manuel Lidauer" userId="b55e45dd-c6cc-461d-bef5-835fc172e678" providerId="ADAL" clId="{BCD0C6F6-2D95-4A66-B702-D3858BC1FC00}" dt="2019-09-26T09:38:20.944" v="37883"/>
          <ac:spMkLst>
            <pc:docMk/>
            <pc:sldMk cId="1279582212" sldId="257"/>
            <ac:spMk id="1193" creationId="{4937E6CD-410B-4404-B5DC-6B3D5CF1EEA9}"/>
          </ac:spMkLst>
        </pc:spChg>
        <pc:spChg chg="add del mod modVis">
          <ac:chgData name="Manuel Lidauer" userId="b55e45dd-c6cc-461d-bef5-835fc172e678" providerId="ADAL" clId="{BCD0C6F6-2D95-4A66-B702-D3858BC1FC00}" dt="2019-09-26T09:38:20.945" v="37884"/>
          <ac:spMkLst>
            <pc:docMk/>
            <pc:sldMk cId="1279582212" sldId="257"/>
            <ac:spMk id="1194" creationId="{6E91C7D8-D280-4EE9-B225-AFC9754F4C4B}"/>
          </ac:spMkLst>
        </pc:spChg>
        <pc:spChg chg="add del mod modVis">
          <ac:chgData name="Manuel Lidauer" userId="b55e45dd-c6cc-461d-bef5-835fc172e678" providerId="ADAL" clId="{BCD0C6F6-2D95-4A66-B702-D3858BC1FC00}" dt="2019-09-26T09:38:20.946" v="37886"/>
          <ac:spMkLst>
            <pc:docMk/>
            <pc:sldMk cId="1279582212" sldId="257"/>
            <ac:spMk id="1195" creationId="{0490B8F3-43BB-4BCF-82E5-631C64DD8F05}"/>
          </ac:spMkLst>
        </pc:spChg>
        <pc:spChg chg="add del mod modVis">
          <ac:chgData name="Manuel Lidauer" userId="b55e45dd-c6cc-461d-bef5-835fc172e678" providerId="ADAL" clId="{BCD0C6F6-2D95-4A66-B702-D3858BC1FC00}" dt="2019-09-26T09:38:20.947" v="37888"/>
          <ac:spMkLst>
            <pc:docMk/>
            <pc:sldMk cId="1279582212" sldId="257"/>
            <ac:spMk id="1196" creationId="{9DFAC60A-32AD-4544-B5BA-9DCAD0CF838C}"/>
          </ac:spMkLst>
        </pc:spChg>
        <pc:spChg chg="add del mod modVis">
          <ac:chgData name="Manuel Lidauer" userId="b55e45dd-c6cc-461d-bef5-835fc172e678" providerId="ADAL" clId="{BCD0C6F6-2D95-4A66-B702-D3858BC1FC00}" dt="2019-09-26T09:38:20.949" v="37890"/>
          <ac:spMkLst>
            <pc:docMk/>
            <pc:sldMk cId="1279582212" sldId="257"/>
            <ac:spMk id="1197" creationId="{D400EB07-4847-428A-AD11-C3DB36C3BB47}"/>
          </ac:spMkLst>
        </pc:spChg>
        <pc:spChg chg="add del mod modVis">
          <ac:chgData name="Manuel Lidauer" userId="b55e45dd-c6cc-461d-bef5-835fc172e678" providerId="ADAL" clId="{BCD0C6F6-2D95-4A66-B702-D3858BC1FC00}" dt="2019-09-26T09:38:20.949" v="37892"/>
          <ac:spMkLst>
            <pc:docMk/>
            <pc:sldMk cId="1279582212" sldId="257"/>
            <ac:spMk id="1198" creationId="{4D5CF421-4D0D-46B9-A08E-918E9BB58704}"/>
          </ac:spMkLst>
        </pc:spChg>
        <pc:spChg chg="add del mod modVis">
          <ac:chgData name="Manuel Lidauer" userId="b55e45dd-c6cc-461d-bef5-835fc172e678" providerId="ADAL" clId="{BCD0C6F6-2D95-4A66-B702-D3858BC1FC00}" dt="2019-09-26T09:38:20.950" v="37894"/>
          <ac:spMkLst>
            <pc:docMk/>
            <pc:sldMk cId="1279582212" sldId="257"/>
            <ac:spMk id="1199" creationId="{66580F56-CF91-43BA-9919-AF9DEED19F69}"/>
          </ac:spMkLst>
        </pc:spChg>
        <pc:spChg chg="add del mod modVis">
          <ac:chgData name="Manuel Lidauer" userId="b55e45dd-c6cc-461d-bef5-835fc172e678" providerId="ADAL" clId="{BCD0C6F6-2D95-4A66-B702-D3858BC1FC00}" dt="2019-09-26T09:38:20.951" v="37896"/>
          <ac:spMkLst>
            <pc:docMk/>
            <pc:sldMk cId="1279582212" sldId="257"/>
            <ac:spMk id="1200" creationId="{AD602795-39C7-42DB-8664-A645FAA6C5FC}"/>
          </ac:spMkLst>
        </pc:spChg>
        <pc:spChg chg="add del mod modVis">
          <ac:chgData name="Manuel Lidauer" userId="b55e45dd-c6cc-461d-bef5-835fc172e678" providerId="ADAL" clId="{BCD0C6F6-2D95-4A66-B702-D3858BC1FC00}" dt="2019-09-26T09:38:20.951" v="37898"/>
          <ac:spMkLst>
            <pc:docMk/>
            <pc:sldMk cId="1279582212" sldId="257"/>
            <ac:spMk id="1201" creationId="{37F2D60E-96C6-4691-BBD5-E9099BD2BAB7}"/>
          </ac:spMkLst>
        </pc:spChg>
        <pc:spChg chg="add del mod modVis">
          <ac:chgData name="Manuel Lidauer" userId="b55e45dd-c6cc-461d-bef5-835fc172e678" providerId="ADAL" clId="{BCD0C6F6-2D95-4A66-B702-D3858BC1FC00}" dt="2019-09-26T09:38:20.952" v="37899"/>
          <ac:spMkLst>
            <pc:docMk/>
            <pc:sldMk cId="1279582212" sldId="257"/>
            <ac:spMk id="1202" creationId="{C64FF4F7-4629-4369-B11E-50F0221D9629}"/>
          </ac:spMkLst>
        </pc:spChg>
        <pc:spChg chg="add del mod modVis">
          <ac:chgData name="Manuel Lidauer" userId="b55e45dd-c6cc-461d-bef5-835fc172e678" providerId="ADAL" clId="{BCD0C6F6-2D95-4A66-B702-D3858BC1FC00}" dt="2019-09-26T09:38:20.952" v="37901"/>
          <ac:spMkLst>
            <pc:docMk/>
            <pc:sldMk cId="1279582212" sldId="257"/>
            <ac:spMk id="1203" creationId="{EB1ED02A-0D7E-4B76-9AA7-3F5978A571B2}"/>
          </ac:spMkLst>
        </pc:spChg>
        <pc:spChg chg="add del mod modVis">
          <ac:chgData name="Manuel Lidauer" userId="b55e45dd-c6cc-461d-bef5-835fc172e678" providerId="ADAL" clId="{BCD0C6F6-2D95-4A66-B702-D3858BC1FC00}" dt="2019-09-26T09:38:20.953" v="37903"/>
          <ac:spMkLst>
            <pc:docMk/>
            <pc:sldMk cId="1279582212" sldId="257"/>
            <ac:spMk id="1204" creationId="{BB4C0307-93DD-411D-B098-3CCBF7A595DB}"/>
          </ac:spMkLst>
        </pc:spChg>
        <pc:spChg chg="add del mod modVis">
          <ac:chgData name="Manuel Lidauer" userId="b55e45dd-c6cc-461d-bef5-835fc172e678" providerId="ADAL" clId="{BCD0C6F6-2D95-4A66-B702-D3858BC1FC00}" dt="2019-09-26T09:38:20.954" v="37905"/>
          <ac:spMkLst>
            <pc:docMk/>
            <pc:sldMk cId="1279582212" sldId="257"/>
            <ac:spMk id="1205" creationId="{CC3B1375-E7B5-452C-822C-4C3F75288769}"/>
          </ac:spMkLst>
        </pc:spChg>
        <pc:spChg chg="add del mod modVis">
          <ac:chgData name="Manuel Lidauer" userId="b55e45dd-c6cc-461d-bef5-835fc172e678" providerId="ADAL" clId="{BCD0C6F6-2D95-4A66-B702-D3858BC1FC00}" dt="2019-09-26T09:38:20.954" v="37907"/>
          <ac:spMkLst>
            <pc:docMk/>
            <pc:sldMk cId="1279582212" sldId="257"/>
            <ac:spMk id="1206" creationId="{8AF66471-101A-4181-8439-21DAB57917D2}"/>
          </ac:spMkLst>
        </pc:spChg>
        <pc:spChg chg="add del mod modVis">
          <ac:chgData name="Manuel Lidauer" userId="b55e45dd-c6cc-461d-bef5-835fc172e678" providerId="ADAL" clId="{BCD0C6F6-2D95-4A66-B702-D3858BC1FC00}" dt="2019-09-26T09:38:20.955" v="37909"/>
          <ac:spMkLst>
            <pc:docMk/>
            <pc:sldMk cId="1279582212" sldId="257"/>
            <ac:spMk id="1207" creationId="{84837711-D35E-4B1A-BE69-1EF6872A3CBA}"/>
          </ac:spMkLst>
        </pc:spChg>
        <pc:spChg chg="add del mod modVis">
          <ac:chgData name="Manuel Lidauer" userId="b55e45dd-c6cc-461d-bef5-835fc172e678" providerId="ADAL" clId="{BCD0C6F6-2D95-4A66-B702-D3858BC1FC00}" dt="2019-09-26T09:38:20.956" v="37911"/>
          <ac:spMkLst>
            <pc:docMk/>
            <pc:sldMk cId="1279582212" sldId="257"/>
            <ac:spMk id="1208" creationId="{DD5C8406-0973-485F-A8CB-B0F961A73432}"/>
          </ac:spMkLst>
        </pc:spChg>
        <pc:spChg chg="add del mod modVis">
          <ac:chgData name="Manuel Lidauer" userId="b55e45dd-c6cc-461d-bef5-835fc172e678" providerId="ADAL" clId="{BCD0C6F6-2D95-4A66-B702-D3858BC1FC00}" dt="2019-09-26T09:38:20.957" v="37913"/>
          <ac:spMkLst>
            <pc:docMk/>
            <pc:sldMk cId="1279582212" sldId="257"/>
            <ac:spMk id="1209" creationId="{8D6C0A91-9B1F-4F34-8E08-01270B81FE03}"/>
          </ac:spMkLst>
        </pc:spChg>
        <pc:spChg chg="add del mod modVis">
          <ac:chgData name="Manuel Lidauer" userId="b55e45dd-c6cc-461d-bef5-835fc172e678" providerId="ADAL" clId="{BCD0C6F6-2D95-4A66-B702-D3858BC1FC00}" dt="2019-09-26T09:38:20.957" v="37914"/>
          <ac:spMkLst>
            <pc:docMk/>
            <pc:sldMk cId="1279582212" sldId="257"/>
            <ac:spMk id="1210" creationId="{462A681D-AACD-4A56-9848-9ADDE792750B}"/>
          </ac:spMkLst>
        </pc:spChg>
        <pc:spChg chg="add del mod modVis">
          <ac:chgData name="Manuel Lidauer" userId="b55e45dd-c6cc-461d-bef5-835fc172e678" providerId="ADAL" clId="{BCD0C6F6-2D95-4A66-B702-D3858BC1FC00}" dt="2019-09-26T09:38:20.958" v="37916"/>
          <ac:spMkLst>
            <pc:docMk/>
            <pc:sldMk cId="1279582212" sldId="257"/>
            <ac:spMk id="1211" creationId="{EC0D6B3F-8DD8-4B29-9B69-8EE7B960E03A}"/>
          </ac:spMkLst>
        </pc:spChg>
        <pc:spChg chg="add del mod modVis">
          <ac:chgData name="Manuel Lidauer" userId="b55e45dd-c6cc-461d-bef5-835fc172e678" providerId="ADAL" clId="{BCD0C6F6-2D95-4A66-B702-D3858BC1FC00}" dt="2019-09-26T09:38:20.958" v="37918"/>
          <ac:spMkLst>
            <pc:docMk/>
            <pc:sldMk cId="1279582212" sldId="257"/>
            <ac:spMk id="1212" creationId="{3D59599C-7A01-4A52-8E33-2A7AC9ED08EE}"/>
          </ac:spMkLst>
        </pc:spChg>
        <pc:spChg chg="add del mod modVis">
          <ac:chgData name="Manuel Lidauer" userId="b55e45dd-c6cc-461d-bef5-835fc172e678" providerId="ADAL" clId="{BCD0C6F6-2D95-4A66-B702-D3858BC1FC00}" dt="2019-09-26T09:38:20.959" v="37920"/>
          <ac:spMkLst>
            <pc:docMk/>
            <pc:sldMk cId="1279582212" sldId="257"/>
            <ac:spMk id="1213" creationId="{F09E23AA-D36F-4598-BED7-22094CB86FA5}"/>
          </ac:spMkLst>
        </pc:spChg>
        <pc:spChg chg="add del mod modVis">
          <ac:chgData name="Manuel Lidauer" userId="b55e45dd-c6cc-461d-bef5-835fc172e678" providerId="ADAL" clId="{BCD0C6F6-2D95-4A66-B702-D3858BC1FC00}" dt="2019-09-26T09:38:20.960" v="37922"/>
          <ac:spMkLst>
            <pc:docMk/>
            <pc:sldMk cId="1279582212" sldId="257"/>
            <ac:spMk id="1214" creationId="{790741F1-E546-4360-90C1-72F13F32A9FE}"/>
          </ac:spMkLst>
        </pc:spChg>
        <pc:spChg chg="add del mod modVis">
          <ac:chgData name="Manuel Lidauer" userId="b55e45dd-c6cc-461d-bef5-835fc172e678" providerId="ADAL" clId="{BCD0C6F6-2D95-4A66-B702-D3858BC1FC00}" dt="2019-09-26T09:38:20.961" v="37924"/>
          <ac:spMkLst>
            <pc:docMk/>
            <pc:sldMk cId="1279582212" sldId="257"/>
            <ac:spMk id="1215" creationId="{E3A9C747-5FB7-4407-9436-34DDCC484A69}"/>
          </ac:spMkLst>
        </pc:spChg>
        <pc:spChg chg="add del mod modVis">
          <ac:chgData name="Manuel Lidauer" userId="b55e45dd-c6cc-461d-bef5-835fc172e678" providerId="ADAL" clId="{BCD0C6F6-2D95-4A66-B702-D3858BC1FC00}" dt="2019-09-26T09:38:20.962" v="37926"/>
          <ac:spMkLst>
            <pc:docMk/>
            <pc:sldMk cId="1279582212" sldId="257"/>
            <ac:spMk id="1216" creationId="{122693DD-013E-45CE-9116-093A529511BD}"/>
          </ac:spMkLst>
        </pc:spChg>
        <pc:spChg chg="add del mod modVis">
          <ac:chgData name="Manuel Lidauer" userId="b55e45dd-c6cc-461d-bef5-835fc172e678" providerId="ADAL" clId="{BCD0C6F6-2D95-4A66-B702-D3858BC1FC00}" dt="2019-09-26T09:38:20.963" v="37928"/>
          <ac:spMkLst>
            <pc:docMk/>
            <pc:sldMk cId="1279582212" sldId="257"/>
            <ac:spMk id="1217" creationId="{40DF5DED-BC27-4DB3-A078-8FD07A18E0DB}"/>
          </ac:spMkLst>
        </pc:spChg>
        <pc:spChg chg="add del mod modVis">
          <ac:chgData name="Manuel Lidauer" userId="b55e45dd-c6cc-461d-bef5-835fc172e678" providerId="ADAL" clId="{BCD0C6F6-2D95-4A66-B702-D3858BC1FC00}" dt="2019-09-26T09:38:20.963" v="37929"/>
          <ac:spMkLst>
            <pc:docMk/>
            <pc:sldMk cId="1279582212" sldId="257"/>
            <ac:spMk id="1218" creationId="{00EDCF14-73B7-472D-ABC9-2976EDA263DE}"/>
          </ac:spMkLst>
        </pc:spChg>
        <pc:spChg chg="add del mod modVis">
          <ac:chgData name="Manuel Lidauer" userId="b55e45dd-c6cc-461d-bef5-835fc172e678" providerId="ADAL" clId="{BCD0C6F6-2D95-4A66-B702-D3858BC1FC00}" dt="2019-09-26T09:38:20.964" v="37931"/>
          <ac:spMkLst>
            <pc:docMk/>
            <pc:sldMk cId="1279582212" sldId="257"/>
            <ac:spMk id="1219" creationId="{434F1621-B2B3-49A4-8E8F-B9E035C7F01D}"/>
          </ac:spMkLst>
        </pc:spChg>
        <pc:spChg chg="add del mod modVis">
          <ac:chgData name="Manuel Lidauer" userId="b55e45dd-c6cc-461d-bef5-835fc172e678" providerId="ADAL" clId="{BCD0C6F6-2D95-4A66-B702-D3858BC1FC00}" dt="2019-09-26T09:38:20.964" v="37933"/>
          <ac:spMkLst>
            <pc:docMk/>
            <pc:sldMk cId="1279582212" sldId="257"/>
            <ac:spMk id="1220" creationId="{FFBA0ABC-71B7-4B7B-B0E3-A448AC5CB719}"/>
          </ac:spMkLst>
        </pc:spChg>
        <pc:spChg chg="add del mod modVis">
          <ac:chgData name="Manuel Lidauer" userId="b55e45dd-c6cc-461d-bef5-835fc172e678" providerId="ADAL" clId="{BCD0C6F6-2D95-4A66-B702-D3858BC1FC00}" dt="2019-09-26T09:38:20.965" v="37935"/>
          <ac:spMkLst>
            <pc:docMk/>
            <pc:sldMk cId="1279582212" sldId="257"/>
            <ac:spMk id="1221" creationId="{E298FB87-D0F2-4856-A74B-8DAF6296767C}"/>
          </ac:spMkLst>
        </pc:spChg>
        <pc:spChg chg="add del mod modVis">
          <ac:chgData name="Manuel Lidauer" userId="b55e45dd-c6cc-461d-bef5-835fc172e678" providerId="ADAL" clId="{BCD0C6F6-2D95-4A66-B702-D3858BC1FC00}" dt="2019-09-26T09:38:20.966" v="37937"/>
          <ac:spMkLst>
            <pc:docMk/>
            <pc:sldMk cId="1279582212" sldId="257"/>
            <ac:spMk id="1222" creationId="{4442B8E3-7586-4656-AF0B-72CD2E351ED3}"/>
          </ac:spMkLst>
        </pc:spChg>
        <pc:spChg chg="add del mod modVis">
          <ac:chgData name="Manuel Lidauer" userId="b55e45dd-c6cc-461d-bef5-835fc172e678" providerId="ADAL" clId="{BCD0C6F6-2D95-4A66-B702-D3858BC1FC00}" dt="2019-09-26T09:38:20.966" v="37939"/>
          <ac:spMkLst>
            <pc:docMk/>
            <pc:sldMk cId="1279582212" sldId="257"/>
            <ac:spMk id="1223" creationId="{1ABD172E-BF9B-4344-BA25-03A946B86CA5}"/>
          </ac:spMkLst>
        </pc:spChg>
        <pc:spChg chg="add del mod modVis">
          <ac:chgData name="Manuel Lidauer" userId="b55e45dd-c6cc-461d-bef5-835fc172e678" providerId="ADAL" clId="{BCD0C6F6-2D95-4A66-B702-D3858BC1FC00}" dt="2019-09-26T09:38:20.967" v="37941"/>
          <ac:spMkLst>
            <pc:docMk/>
            <pc:sldMk cId="1279582212" sldId="257"/>
            <ac:spMk id="1224" creationId="{AFFE16DE-C7F8-4B4C-96B5-108CC699C677}"/>
          </ac:spMkLst>
        </pc:spChg>
        <pc:spChg chg="add del mod modVis">
          <ac:chgData name="Manuel Lidauer" userId="b55e45dd-c6cc-461d-bef5-835fc172e678" providerId="ADAL" clId="{BCD0C6F6-2D95-4A66-B702-D3858BC1FC00}" dt="2019-09-26T09:38:20.968" v="37943"/>
          <ac:spMkLst>
            <pc:docMk/>
            <pc:sldMk cId="1279582212" sldId="257"/>
            <ac:spMk id="1225" creationId="{D85A1293-698B-4C00-ABDE-C17674C1376D}"/>
          </ac:spMkLst>
        </pc:spChg>
        <pc:spChg chg="add del mod modVis">
          <ac:chgData name="Manuel Lidauer" userId="b55e45dd-c6cc-461d-bef5-835fc172e678" providerId="ADAL" clId="{BCD0C6F6-2D95-4A66-B702-D3858BC1FC00}" dt="2019-09-26T09:38:20.968" v="37944"/>
          <ac:spMkLst>
            <pc:docMk/>
            <pc:sldMk cId="1279582212" sldId="257"/>
            <ac:spMk id="1226" creationId="{8F5FE07B-1B26-41B4-9268-E8180C6A437A}"/>
          </ac:spMkLst>
        </pc:spChg>
        <pc:spChg chg="add del mod modVis">
          <ac:chgData name="Manuel Lidauer" userId="b55e45dd-c6cc-461d-bef5-835fc172e678" providerId="ADAL" clId="{BCD0C6F6-2D95-4A66-B702-D3858BC1FC00}" dt="2019-09-26T09:38:20.969" v="37946"/>
          <ac:spMkLst>
            <pc:docMk/>
            <pc:sldMk cId="1279582212" sldId="257"/>
            <ac:spMk id="1227" creationId="{322DCBD0-0797-4EFD-8DE9-30686CE00EA6}"/>
          </ac:spMkLst>
        </pc:spChg>
        <pc:spChg chg="add del mod modVis">
          <ac:chgData name="Manuel Lidauer" userId="b55e45dd-c6cc-461d-bef5-835fc172e678" providerId="ADAL" clId="{BCD0C6F6-2D95-4A66-B702-D3858BC1FC00}" dt="2019-09-26T09:38:20.969" v="37948"/>
          <ac:spMkLst>
            <pc:docMk/>
            <pc:sldMk cId="1279582212" sldId="257"/>
            <ac:spMk id="1228" creationId="{6FCC2D7D-B522-49A5-99E5-51433B073A82}"/>
          </ac:spMkLst>
        </pc:spChg>
        <pc:spChg chg="add del mod modVis">
          <ac:chgData name="Manuel Lidauer" userId="b55e45dd-c6cc-461d-bef5-835fc172e678" providerId="ADAL" clId="{BCD0C6F6-2D95-4A66-B702-D3858BC1FC00}" dt="2019-09-26T09:38:20.970" v="37950"/>
          <ac:spMkLst>
            <pc:docMk/>
            <pc:sldMk cId="1279582212" sldId="257"/>
            <ac:spMk id="1229" creationId="{606EA7EC-0C7C-446E-B2B4-CF133E7F5847}"/>
          </ac:spMkLst>
        </pc:spChg>
        <pc:spChg chg="add del mod modVis">
          <ac:chgData name="Manuel Lidauer" userId="b55e45dd-c6cc-461d-bef5-835fc172e678" providerId="ADAL" clId="{BCD0C6F6-2D95-4A66-B702-D3858BC1FC00}" dt="2019-09-26T09:38:20.971" v="37952"/>
          <ac:spMkLst>
            <pc:docMk/>
            <pc:sldMk cId="1279582212" sldId="257"/>
            <ac:spMk id="1230" creationId="{B645ECF2-F50F-4764-BD21-EC06F1DAF829}"/>
          </ac:spMkLst>
        </pc:spChg>
        <pc:spChg chg="add del mod modVis">
          <ac:chgData name="Manuel Lidauer" userId="b55e45dd-c6cc-461d-bef5-835fc172e678" providerId="ADAL" clId="{BCD0C6F6-2D95-4A66-B702-D3858BC1FC00}" dt="2019-09-26T09:38:20.971" v="37954"/>
          <ac:spMkLst>
            <pc:docMk/>
            <pc:sldMk cId="1279582212" sldId="257"/>
            <ac:spMk id="1231" creationId="{6707D917-108B-4D0F-B27D-AB436415087E}"/>
          </ac:spMkLst>
        </pc:spChg>
        <pc:spChg chg="add del mod modVis">
          <ac:chgData name="Manuel Lidauer" userId="b55e45dd-c6cc-461d-bef5-835fc172e678" providerId="ADAL" clId="{BCD0C6F6-2D95-4A66-B702-D3858BC1FC00}" dt="2019-09-26T09:38:20.972" v="37956"/>
          <ac:spMkLst>
            <pc:docMk/>
            <pc:sldMk cId="1279582212" sldId="257"/>
            <ac:spMk id="1232" creationId="{ECD0914F-975D-45D6-9190-C718483DA3D9}"/>
          </ac:spMkLst>
        </pc:spChg>
        <pc:spChg chg="add del mod modVis">
          <ac:chgData name="Manuel Lidauer" userId="b55e45dd-c6cc-461d-bef5-835fc172e678" providerId="ADAL" clId="{BCD0C6F6-2D95-4A66-B702-D3858BC1FC00}" dt="2019-09-26T09:38:20.973" v="37958"/>
          <ac:spMkLst>
            <pc:docMk/>
            <pc:sldMk cId="1279582212" sldId="257"/>
            <ac:spMk id="1233" creationId="{979C9EC2-004D-412D-A6CD-1D24B5461771}"/>
          </ac:spMkLst>
        </pc:spChg>
        <pc:spChg chg="add del mod modVis">
          <ac:chgData name="Manuel Lidauer" userId="b55e45dd-c6cc-461d-bef5-835fc172e678" providerId="ADAL" clId="{BCD0C6F6-2D95-4A66-B702-D3858BC1FC00}" dt="2019-09-26T09:38:20.973" v="37959"/>
          <ac:spMkLst>
            <pc:docMk/>
            <pc:sldMk cId="1279582212" sldId="257"/>
            <ac:spMk id="1234" creationId="{57194A91-D658-40D5-8173-DAE8B19EC4CD}"/>
          </ac:spMkLst>
        </pc:spChg>
        <pc:spChg chg="add del mod modVis">
          <ac:chgData name="Manuel Lidauer" userId="b55e45dd-c6cc-461d-bef5-835fc172e678" providerId="ADAL" clId="{BCD0C6F6-2D95-4A66-B702-D3858BC1FC00}" dt="2019-09-26T09:38:20.974" v="37961"/>
          <ac:spMkLst>
            <pc:docMk/>
            <pc:sldMk cId="1279582212" sldId="257"/>
            <ac:spMk id="1235" creationId="{22F60B5C-B011-4786-93A9-D7E6847C51F5}"/>
          </ac:spMkLst>
        </pc:spChg>
        <pc:spChg chg="add del mod modVis">
          <ac:chgData name="Manuel Lidauer" userId="b55e45dd-c6cc-461d-bef5-835fc172e678" providerId="ADAL" clId="{BCD0C6F6-2D95-4A66-B702-D3858BC1FC00}" dt="2019-09-26T09:38:20.974" v="37963"/>
          <ac:spMkLst>
            <pc:docMk/>
            <pc:sldMk cId="1279582212" sldId="257"/>
            <ac:spMk id="1236" creationId="{857D4E16-EA66-467D-996E-CC5211FE1A0F}"/>
          </ac:spMkLst>
        </pc:spChg>
        <pc:spChg chg="add del mod modVis">
          <ac:chgData name="Manuel Lidauer" userId="b55e45dd-c6cc-461d-bef5-835fc172e678" providerId="ADAL" clId="{BCD0C6F6-2D95-4A66-B702-D3858BC1FC00}" dt="2019-09-26T09:38:20.975" v="37965"/>
          <ac:spMkLst>
            <pc:docMk/>
            <pc:sldMk cId="1279582212" sldId="257"/>
            <ac:spMk id="1237" creationId="{F3A4297C-81F9-42FF-8BFB-02EEF7EEFD0B}"/>
          </ac:spMkLst>
        </pc:spChg>
        <pc:spChg chg="add del mod modVis">
          <ac:chgData name="Manuel Lidauer" userId="b55e45dd-c6cc-461d-bef5-835fc172e678" providerId="ADAL" clId="{BCD0C6F6-2D95-4A66-B702-D3858BC1FC00}" dt="2019-09-26T09:38:20.976" v="37967"/>
          <ac:spMkLst>
            <pc:docMk/>
            <pc:sldMk cId="1279582212" sldId="257"/>
            <ac:spMk id="1238" creationId="{B7FA5EEA-BFF3-4525-B716-C0F782189EBC}"/>
          </ac:spMkLst>
        </pc:spChg>
        <pc:spChg chg="add del mod modVis">
          <ac:chgData name="Manuel Lidauer" userId="b55e45dd-c6cc-461d-bef5-835fc172e678" providerId="ADAL" clId="{BCD0C6F6-2D95-4A66-B702-D3858BC1FC00}" dt="2019-09-26T09:38:20.977" v="37969"/>
          <ac:spMkLst>
            <pc:docMk/>
            <pc:sldMk cId="1279582212" sldId="257"/>
            <ac:spMk id="1239" creationId="{5143F5CA-8E06-4A28-80CF-AFFCA544718A}"/>
          </ac:spMkLst>
        </pc:spChg>
        <pc:spChg chg="add del mod modVis">
          <ac:chgData name="Manuel Lidauer" userId="b55e45dd-c6cc-461d-bef5-835fc172e678" providerId="ADAL" clId="{BCD0C6F6-2D95-4A66-B702-D3858BC1FC00}" dt="2019-09-26T09:38:20.977" v="37971"/>
          <ac:spMkLst>
            <pc:docMk/>
            <pc:sldMk cId="1279582212" sldId="257"/>
            <ac:spMk id="1240" creationId="{867AAB9B-044D-4045-94D3-8CC1321A57A5}"/>
          </ac:spMkLst>
        </pc:spChg>
        <pc:spChg chg="add del mod modVis">
          <ac:chgData name="Manuel Lidauer" userId="b55e45dd-c6cc-461d-bef5-835fc172e678" providerId="ADAL" clId="{BCD0C6F6-2D95-4A66-B702-D3858BC1FC00}" dt="2019-09-26T09:38:20.979" v="37973"/>
          <ac:spMkLst>
            <pc:docMk/>
            <pc:sldMk cId="1279582212" sldId="257"/>
            <ac:spMk id="1241" creationId="{D9A21886-EB6F-4161-901F-6B3D21DB4717}"/>
          </ac:spMkLst>
        </pc:spChg>
        <pc:spChg chg="add del mod modVis">
          <ac:chgData name="Manuel Lidauer" userId="b55e45dd-c6cc-461d-bef5-835fc172e678" providerId="ADAL" clId="{BCD0C6F6-2D95-4A66-B702-D3858BC1FC00}" dt="2019-09-26T09:38:20.980" v="37974"/>
          <ac:spMkLst>
            <pc:docMk/>
            <pc:sldMk cId="1279582212" sldId="257"/>
            <ac:spMk id="1242" creationId="{0A1401F5-3303-483E-ACE5-AD7A239F015B}"/>
          </ac:spMkLst>
        </pc:spChg>
        <pc:spChg chg="add del mod modVis">
          <ac:chgData name="Manuel Lidauer" userId="b55e45dd-c6cc-461d-bef5-835fc172e678" providerId="ADAL" clId="{BCD0C6F6-2D95-4A66-B702-D3858BC1FC00}" dt="2019-09-26T09:38:20.980" v="37976"/>
          <ac:spMkLst>
            <pc:docMk/>
            <pc:sldMk cId="1279582212" sldId="257"/>
            <ac:spMk id="1243" creationId="{9B7FB9A1-D7C6-4D1E-8773-CF958286AF14}"/>
          </ac:spMkLst>
        </pc:spChg>
        <pc:spChg chg="add del mod modVis">
          <ac:chgData name="Manuel Lidauer" userId="b55e45dd-c6cc-461d-bef5-835fc172e678" providerId="ADAL" clId="{BCD0C6F6-2D95-4A66-B702-D3858BC1FC00}" dt="2019-09-26T09:38:20.981" v="37978"/>
          <ac:spMkLst>
            <pc:docMk/>
            <pc:sldMk cId="1279582212" sldId="257"/>
            <ac:spMk id="1244" creationId="{0EF8C302-2BDC-40FE-A5C2-5D02DEC5BC91}"/>
          </ac:spMkLst>
        </pc:spChg>
        <pc:spChg chg="add del mod modVis">
          <ac:chgData name="Manuel Lidauer" userId="b55e45dd-c6cc-461d-bef5-835fc172e678" providerId="ADAL" clId="{BCD0C6F6-2D95-4A66-B702-D3858BC1FC00}" dt="2019-09-26T09:38:20.982" v="37980"/>
          <ac:spMkLst>
            <pc:docMk/>
            <pc:sldMk cId="1279582212" sldId="257"/>
            <ac:spMk id="1245" creationId="{1B4AA2FF-375E-4AF7-A007-5054DBAEFF59}"/>
          </ac:spMkLst>
        </pc:spChg>
        <pc:spChg chg="add del mod modVis">
          <ac:chgData name="Manuel Lidauer" userId="b55e45dd-c6cc-461d-bef5-835fc172e678" providerId="ADAL" clId="{BCD0C6F6-2D95-4A66-B702-D3858BC1FC00}" dt="2019-09-26T09:38:20.982" v="37982"/>
          <ac:spMkLst>
            <pc:docMk/>
            <pc:sldMk cId="1279582212" sldId="257"/>
            <ac:spMk id="1246" creationId="{C566D894-6150-408C-8CC6-2115BD4848B5}"/>
          </ac:spMkLst>
        </pc:spChg>
        <pc:spChg chg="add del mod modVis">
          <ac:chgData name="Manuel Lidauer" userId="b55e45dd-c6cc-461d-bef5-835fc172e678" providerId="ADAL" clId="{BCD0C6F6-2D95-4A66-B702-D3858BC1FC00}" dt="2019-09-26T09:38:20.983" v="37984"/>
          <ac:spMkLst>
            <pc:docMk/>
            <pc:sldMk cId="1279582212" sldId="257"/>
            <ac:spMk id="1247" creationId="{D8EE292C-638E-4EFA-8179-BD00A721A973}"/>
          </ac:spMkLst>
        </pc:spChg>
        <pc:spChg chg="add del mod modVis">
          <ac:chgData name="Manuel Lidauer" userId="b55e45dd-c6cc-461d-bef5-835fc172e678" providerId="ADAL" clId="{BCD0C6F6-2D95-4A66-B702-D3858BC1FC00}" dt="2019-09-26T09:38:20.984" v="37986"/>
          <ac:spMkLst>
            <pc:docMk/>
            <pc:sldMk cId="1279582212" sldId="257"/>
            <ac:spMk id="1248" creationId="{C194FAEE-A64D-46BD-BF82-D9AA55A2E853}"/>
          </ac:spMkLst>
        </pc:spChg>
        <pc:spChg chg="add del mod modVis">
          <ac:chgData name="Manuel Lidauer" userId="b55e45dd-c6cc-461d-bef5-835fc172e678" providerId="ADAL" clId="{BCD0C6F6-2D95-4A66-B702-D3858BC1FC00}" dt="2019-09-26T09:38:20.984" v="37988"/>
          <ac:spMkLst>
            <pc:docMk/>
            <pc:sldMk cId="1279582212" sldId="257"/>
            <ac:spMk id="1249" creationId="{E37FF9B0-2C78-42AA-96EB-051AF9FF49D4}"/>
          </ac:spMkLst>
        </pc:spChg>
        <pc:spChg chg="add del mod modVis">
          <ac:chgData name="Manuel Lidauer" userId="b55e45dd-c6cc-461d-bef5-835fc172e678" providerId="ADAL" clId="{BCD0C6F6-2D95-4A66-B702-D3858BC1FC00}" dt="2019-09-26T09:38:20.985" v="37989"/>
          <ac:spMkLst>
            <pc:docMk/>
            <pc:sldMk cId="1279582212" sldId="257"/>
            <ac:spMk id="1250" creationId="{DC00D89D-7682-48A5-80D4-5AA8EBCF9056}"/>
          </ac:spMkLst>
        </pc:spChg>
        <pc:spChg chg="add del mod modVis">
          <ac:chgData name="Manuel Lidauer" userId="b55e45dd-c6cc-461d-bef5-835fc172e678" providerId="ADAL" clId="{BCD0C6F6-2D95-4A66-B702-D3858BC1FC00}" dt="2019-09-26T09:38:20.985" v="37991"/>
          <ac:spMkLst>
            <pc:docMk/>
            <pc:sldMk cId="1279582212" sldId="257"/>
            <ac:spMk id="1251" creationId="{169BACF0-603C-430C-89CC-EEB4F66F99E6}"/>
          </ac:spMkLst>
        </pc:spChg>
        <pc:spChg chg="add del mod modVis">
          <ac:chgData name="Manuel Lidauer" userId="b55e45dd-c6cc-461d-bef5-835fc172e678" providerId="ADAL" clId="{BCD0C6F6-2D95-4A66-B702-D3858BC1FC00}" dt="2019-09-26T09:38:20.986" v="37993"/>
          <ac:spMkLst>
            <pc:docMk/>
            <pc:sldMk cId="1279582212" sldId="257"/>
            <ac:spMk id="1252" creationId="{5820D03A-80E4-462D-B503-9112F7C2BD3C}"/>
          </ac:spMkLst>
        </pc:spChg>
        <pc:spChg chg="add del mod modVis">
          <ac:chgData name="Manuel Lidauer" userId="b55e45dd-c6cc-461d-bef5-835fc172e678" providerId="ADAL" clId="{BCD0C6F6-2D95-4A66-B702-D3858BC1FC00}" dt="2019-09-26T09:38:20.986" v="37995"/>
          <ac:spMkLst>
            <pc:docMk/>
            <pc:sldMk cId="1279582212" sldId="257"/>
            <ac:spMk id="1253" creationId="{33F0D3F0-22A1-4AF3-A04A-2BBC16FD4AC5}"/>
          </ac:spMkLst>
        </pc:spChg>
        <pc:spChg chg="add del mod modVis">
          <ac:chgData name="Manuel Lidauer" userId="b55e45dd-c6cc-461d-bef5-835fc172e678" providerId="ADAL" clId="{BCD0C6F6-2D95-4A66-B702-D3858BC1FC00}" dt="2019-09-26T09:38:20.987" v="37997"/>
          <ac:spMkLst>
            <pc:docMk/>
            <pc:sldMk cId="1279582212" sldId="257"/>
            <ac:spMk id="1254" creationId="{BCE966F1-A2C3-4BB0-8D2A-95E5BA8BB90A}"/>
          </ac:spMkLst>
        </pc:spChg>
        <pc:spChg chg="add del mod modVis">
          <ac:chgData name="Manuel Lidauer" userId="b55e45dd-c6cc-461d-bef5-835fc172e678" providerId="ADAL" clId="{BCD0C6F6-2D95-4A66-B702-D3858BC1FC00}" dt="2019-09-26T09:38:20.988" v="37999"/>
          <ac:spMkLst>
            <pc:docMk/>
            <pc:sldMk cId="1279582212" sldId="257"/>
            <ac:spMk id="1255" creationId="{618AA388-4445-410E-8D66-A9B46787A7F2}"/>
          </ac:spMkLst>
        </pc:spChg>
        <pc:spChg chg="add del mod modVis">
          <ac:chgData name="Manuel Lidauer" userId="b55e45dd-c6cc-461d-bef5-835fc172e678" providerId="ADAL" clId="{BCD0C6F6-2D95-4A66-B702-D3858BC1FC00}" dt="2019-09-26T09:38:20.989" v="38001"/>
          <ac:spMkLst>
            <pc:docMk/>
            <pc:sldMk cId="1279582212" sldId="257"/>
            <ac:spMk id="1256" creationId="{1369FC48-45CD-424D-AA89-DA2A0EF1FA8C}"/>
          </ac:spMkLst>
        </pc:spChg>
        <pc:spChg chg="add del mod modVis">
          <ac:chgData name="Manuel Lidauer" userId="b55e45dd-c6cc-461d-bef5-835fc172e678" providerId="ADAL" clId="{BCD0C6F6-2D95-4A66-B702-D3858BC1FC00}" dt="2019-09-26T09:38:20.989" v="38003"/>
          <ac:spMkLst>
            <pc:docMk/>
            <pc:sldMk cId="1279582212" sldId="257"/>
            <ac:spMk id="1257" creationId="{5AB1E0E9-A6AE-45FE-B8DD-E8E46B272725}"/>
          </ac:spMkLst>
        </pc:spChg>
        <pc:spChg chg="add del mod modVis">
          <ac:chgData name="Manuel Lidauer" userId="b55e45dd-c6cc-461d-bef5-835fc172e678" providerId="ADAL" clId="{BCD0C6F6-2D95-4A66-B702-D3858BC1FC00}" dt="2019-09-26T09:38:20.990" v="38004"/>
          <ac:spMkLst>
            <pc:docMk/>
            <pc:sldMk cId="1279582212" sldId="257"/>
            <ac:spMk id="1258" creationId="{1B6D8E20-69E1-42B1-9F26-D35DDD5BC32F}"/>
          </ac:spMkLst>
        </pc:spChg>
        <pc:spChg chg="add del mod modVis">
          <ac:chgData name="Manuel Lidauer" userId="b55e45dd-c6cc-461d-bef5-835fc172e678" providerId="ADAL" clId="{BCD0C6F6-2D95-4A66-B702-D3858BC1FC00}" dt="2019-09-26T09:38:20.990" v="38006"/>
          <ac:spMkLst>
            <pc:docMk/>
            <pc:sldMk cId="1279582212" sldId="257"/>
            <ac:spMk id="1259" creationId="{1F0DAB70-87DA-4930-81BE-58914A7EF663}"/>
          </ac:spMkLst>
        </pc:spChg>
        <pc:spChg chg="add del mod modVis">
          <ac:chgData name="Manuel Lidauer" userId="b55e45dd-c6cc-461d-bef5-835fc172e678" providerId="ADAL" clId="{BCD0C6F6-2D95-4A66-B702-D3858BC1FC00}" dt="2019-09-26T09:38:20.991" v="38008"/>
          <ac:spMkLst>
            <pc:docMk/>
            <pc:sldMk cId="1279582212" sldId="257"/>
            <ac:spMk id="1260" creationId="{19898B3D-26DE-4BB6-AC43-E57DD947B9FC}"/>
          </ac:spMkLst>
        </pc:spChg>
        <pc:spChg chg="add del mod modVis">
          <ac:chgData name="Manuel Lidauer" userId="b55e45dd-c6cc-461d-bef5-835fc172e678" providerId="ADAL" clId="{BCD0C6F6-2D95-4A66-B702-D3858BC1FC00}" dt="2019-09-26T09:38:20.991" v="38010"/>
          <ac:spMkLst>
            <pc:docMk/>
            <pc:sldMk cId="1279582212" sldId="257"/>
            <ac:spMk id="1261" creationId="{05323160-1238-4DD5-8AE5-961AF695C6C6}"/>
          </ac:spMkLst>
        </pc:spChg>
        <pc:spChg chg="add del mod modVis">
          <ac:chgData name="Manuel Lidauer" userId="b55e45dd-c6cc-461d-bef5-835fc172e678" providerId="ADAL" clId="{BCD0C6F6-2D95-4A66-B702-D3858BC1FC00}" dt="2019-09-26T09:38:20.992" v="38012"/>
          <ac:spMkLst>
            <pc:docMk/>
            <pc:sldMk cId="1279582212" sldId="257"/>
            <ac:spMk id="1262" creationId="{2EE8167B-FF71-4E4C-9316-813DB360F7D1}"/>
          </ac:spMkLst>
        </pc:spChg>
        <pc:spChg chg="add del mod modVis">
          <ac:chgData name="Manuel Lidauer" userId="b55e45dd-c6cc-461d-bef5-835fc172e678" providerId="ADAL" clId="{BCD0C6F6-2D95-4A66-B702-D3858BC1FC00}" dt="2019-09-26T09:38:20.993" v="38014"/>
          <ac:spMkLst>
            <pc:docMk/>
            <pc:sldMk cId="1279582212" sldId="257"/>
            <ac:spMk id="1263" creationId="{6CCC8190-2F5F-4A41-94E0-37A0DBB5E363}"/>
          </ac:spMkLst>
        </pc:spChg>
        <pc:spChg chg="add del mod modVis">
          <ac:chgData name="Manuel Lidauer" userId="b55e45dd-c6cc-461d-bef5-835fc172e678" providerId="ADAL" clId="{BCD0C6F6-2D95-4A66-B702-D3858BC1FC00}" dt="2019-09-26T09:38:20.994" v="38016"/>
          <ac:spMkLst>
            <pc:docMk/>
            <pc:sldMk cId="1279582212" sldId="257"/>
            <ac:spMk id="1264" creationId="{7E0C2F9F-645B-491D-A4EE-765680998DFB}"/>
          </ac:spMkLst>
        </pc:spChg>
        <pc:spChg chg="add del mod modVis">
          <ac:chgData name="Manuel Lidauer" userId="b55e45dd-c6cc-461d-bef5-835fc172e678" providerId="ADAL" clId="{BCD0C6F6-2D95-4A66-B702-D3858BC1FC00}" dt="2019-09-26T09:38:20.994" v="38018"/>
          <ac:spMkLst>
            <pc:docMk/>
            <pc:sldMk cId="1279582212" sldId="257"/>
            <ac:spMk id="1265" creationId="{D3CFDE01-A410-485D-8EB9-7E62C3A76337}"/>
          </ac:spMkLst>
        </pc:spChg>
        <pc:spChg chg="add del mod modVis">
          <ac:chgData name="Manuel Lidauer" userId="b55e45dd-c6cc-461d-bef5-835fc172e678" providerId="ADAL" clId="{BCD0C6F6-2D95-4A66-B702-D3858BC1FC00}" dt="2019-09-26T09:38:20.995" v="38019"/>
          <ac:spMkLst>
            <pc:docMk/>
            <pc:sldMk cId="1279582212" sldId="257"/>
            <ac:spMk id="1266" creationId="{3446CB7F-CD39-4B10-A72F-2F348C887DA6}"/>
          </ac:spMkLst>
        </pc:spChg>
        <pc:spChg chg="add del mod modVis">
          <ac:chgData name="Manuel Lidauer" userId="b55e45dd-c6cc-461d-bef5-835fc172e678" providerId="ADAL" clId="{BCD0C6F6-2D95-4A66-B702-D3858BC1FC00}" dt="2019-09-26T09:38:20.996" v="38021"/>
          <ac:spMkLst>
            <pc:docMk/>
            <pc:sldMk cId="1279582212" sldId="257"/>
            <ac:spMk id="1267" creationId="{D7125495-EA44-4765-B20E-82CA29A6B40B}"/>
          </ac:spMkLst>
        </pc:spChg>
        <pc:spChg chg="add del mod modVis">
          <ac:chgData name="Manuel Lidauer" userId="b55e45dd-c6cc-461d-bef5-835fc172e678" providerId="ADAL" clId="{BCD0C6F6-2D95-4A66-B702-D3858BC1FC00}" dt="2019-09-26T09:38:20.997" v="38023"/>
          <ac:spMkLst>
            <pc:docMk/>
            <pc:sldMk cId="1279582212" sldId="257"/>
            <ac:spMk id="1268" creationId="{A7780F81-4453-4A1C-A604-50D079FE068D}"/>
          </ac:spMkLst>
        </pc:spChg>
        <pc:spChg chg="add del mod modVis">
          <ac:chgData name="Manuel Lidauer" userId="b55e45dd-c6cc-461d-bef5-835fc172e678" providerId="ADAL" clId="{BCD0C6F6-2D95-4A66-B702-D3858BC1FC00}" dt="2019-09-26T09:38:20.997" v="38025"/>
          <ac:spMkLst>
            <pc:docMk/>
            <pc:sldMk cId="1279582212" sldId="257"/>
            <ac:spMk id="1269" creationId="{2CFB33C4-8CBF-4CBC-9BDC-7282EB48A6FC}"/>
          </ac:spMkLst>
        </pc:spChg>
        <pc:spChg chg="add del mod modVis">
          <ac:chgData name="Manuel Lidauer" userId="b55e45dd-c6cc-461d-bef5-835fc172e678" providerId="ADAL" clId="{BCD0C6F6-2D95-4A66-B702-D3858BC1FC00}" dt="2019-09-26T09:38:20.998" v="38027"/>
          <ac:spMkLst>
            <pc:docMk/>
            <pc:sldMk cId="1279582212" sldId="257"/>
            <ac:spMk id="1270" creationId="{B43C1924-A4C7-47CB-9444-CA3CBB837584}"/>
          </ac:spMkLst>
        </pc:spChg>
        <pc:spChg chg="add del mod modVis">
          <ac:chgData name="Manuel Lidauer" userId="b55e45dd-c6cc-461d-bef5-835fc172e678" providerId="ADAL" clId="{BCD0C6F6-2D95-4A66-B702-D3858BC1FC00}" dt="2019-09-26T09:38:20.999" v="38029"/>
          <ac:spMkLst>
            <pc:docMk/>
            <pc:sldMk cId="1279582212" sldId="257"/>
            <ac:spMk id="1271" creationId="{1A650F70-C033-495D-B9AC-61B048C71B5E}"/>
          </ac:spMkLst>
        </pc:spChg>
        <pc:spChg chg="add del mod modVis">
          <ac:chgData name="Manuel Lidauer" userId="b55e45dd-c6cc-461d-bef5-835fc172e678" providerId="ADAL" clId="{BCD0C6F6-2D95-4A66-B702-D3858BC1FC00}" dt="2019-09-26T09:38:20.999" v="38031"/>
          <ac:spMkLst>
            <pc:docMk/>
            <pc:sldMk cId="1279582212" sldId="257"/>
            <ac:spMk id="1272" creationId="{55ED59D8-BD61-4410-BC18-4DBFBDD33C03}"/>
          </ac:spMkLst>
        </pc:spChg>
        <pc:spChg chg="add del mod modVis">
          <ac:chgData name="Manuel Lidauer" userId="b55e45dd-c6cc-461d-bef5-835fc172e678" providerId="ADAL" clId="{BCD0C6F6-2D95-4A66-B702-D3858BC1FC00}" dt="2019-09-26T09:38:21" v="38033"/>
          <ac:spMkLst>
            <pc:docMk/>
            <pc:sldMk cId="1279582212" sldId="257"/>
            <ac:spMk id="1273" creationId="{17C460DE-257F-4F02-969E-DAE5D5DC664A}"/>
          </ac:spMkLst>
        </pc:spChg>
        <pc:spChg chg="add del mod modVis">
          <ac:chgData name="Manuel Lidauer" userId="b55e45dd-c6cc-461d-bef5-835fc172e678" providerId="ADAL" clId="{BCD0C6F6-2D95-4A66-B702-D3858BC1FC00}" dt="2019-09-26T09:38:21.001" v="38034"/>
          <ac:spMkLst>
            <pc:docMk/>
            <pc:sldMk cId="1279582212" sldId="257"/>
            <ac:spMk id="1274" creationId="{03632AC8-259E-4721-A97A-256D0ACEF063}"/>
          </ac:spMkLst>
        </pc:spChg>
        <pc:spChg chg="add del mod modVis">
          <ac:chgData name="Manuel Lidauer" userId="b55e45dd-c6cc-461d-bef5-835fc172e678" providerId="ADAL" clId="{BCD0C6F6-2D95-4A66-B702-D3858BC1FC00}" dt="2019-09-26T09:38:21.001" v="38036"/>
          <ac:spMkLst>
            <pc:docMk/>
            <pc:sldMk cId="1279582212" sldId="257"/>
            <ac:spMk id="1275" creationId="{23A12B8D-7135-4E0A-917B-AB272771FB2A}"/>
          </ac:spMkLst>
        </pc:spChg>
        <pc:spChg chg="add del mod modVis">
          <ac:chgData name="Manuel Lidauer" userId="b55e45dd-c6cc-461d-bef5-835fc172e678" providerId="ADAL" clId="{BCD0C6F6-2D95-4A66-B702-D3858BC1FC00}" dt="2019-09-26T09:38:21.002" v="38038"/>
          <ac:spMkLst>
            <pc:docMk/>
            <pc:sldMk cId="1279582212" sldId="257"/>
            <ac:spMk id="1276" creationId="{7E5D8149-A3AD-44A2-871A-5CE3BDDC497C}"/>
          </ac:spMkLst>
        </pc:spChg>
        <pc:spChg chg="add del mod modVis">
          <ac:chgData name="Manuel Lidauer" userId="b55e45dd-c6cc-461d-bef5-835fc172e678" providerId="ADAL" clId="{BCD0C6F6-2D95-4A66-B702-D3858BC1FC00}" dt="2019-09-26T09:38:21.003" v="38040"/>
          <ac:spMkLst>
            <pc:docMk/>
            <pc:sldMk cId="1279582212" sldId="257"/>
            <ac:spMk id="1277" creationId="{B5307CF2-117F-4115-8C98-52B4B77744FF}"/>
          </ac:spMkLst>
        </pc:spChg>
        <pc:spChg chg="add del mod modVis">
          <ac:chgData name="Manuel Lidauer" userId="b55e45dd-c6cc-461d-bef5-835fc172e678" providerId="ADAL" clId="{BCD0C6F6-2D95-4A66-B702-D3858BC1FC00}" dt="2019-09-26T09:38:21.003" v="38042"/>
          <ac:spMkLst>
            <pc:docMk/>
            <pc:sldMk cId="1279582212" sldId="257"/>
            <ac:spMk id="1278" creationId="{382C5397-54E8-428F-8A1F-A4C29C982A5B}"/>
          </ac:spMkLst>
        </pc:spChg>
        <pc:spChg chg="add del mod modVis">
          <ac:chgData name="Manuel Lidauer" userId="b55e45dd-c6cc-461d-bef5-835fc172e678" providerId="ADAL" clId="{BCD0C6F6-2D95-4A66-B702-D3858BC1FC00}" dt="2019-09-26T09:38:21.004" v="38044"/>
          <ac:spMkLst>
            <pc:docMk/>
            <pc:sldMk cId="1279582212" sldId="257"/>
            <ac:spMk id="1279" creationId="{D941B15D-F301-404E-9630-50F49FC15310}"/>
          </ac:spMkLst>
        </pc:spChg>
        <pc:spChg chg="add del mod modVis">
          <ac:chgData name="Manuel Lidauer" userId="b55e45dd-c6cc-461d-bef5-835fc172e678" providerId="ADAL" clId="{BCD0C6F6-2D95-4A66-B702-D3858BC1FC00}" dt="2019-09-26T09:38:21.005" v="38046"/>
          <ac:spMkLst>
            <pc:docMk/>
            <pc:sldMk cId="1279582212" sldId="257"/>
            <ac:spMk id="1280" creationId="{86394E87-5D61-4466-A257-4B7015F40B95}"/>
          </ac:spMkLst>
        </pc:spChg>
        <pc:spChg chg="add del mod modVis">
          <ac:chgData name="Manuel Lidauer" userId="b55e45dd-c6cc-461d-bef5-835fc172e678" providerId="ADAL" clId="{BCD0C6F6-2D95-4A66-B702-D3858BC1FC00}" dt="2019-09-26T09:38:21.005" v="38048"/>
          <ac:spMkLst>
            <pc:docMk/>
            <pc:sldMk cId="1279582212" sldId="257"/>
            <ac:spMk id="1281" creationId="{C8B6D5B9-1564-4508-9D3D-772B836A51D5}"/>
          </ac:spMkLst>
        </pc:spChg>
        <pc:spChg chg="add del mod modVis">
          <ac:chgData name="Manuel Lidauer" userId="b55e45dd-c6cc-461d-bef5-835fc172e678" providerId="ADAL" clId="{BCD0C6F6-2D95-4A66-B702-D3858BC1FC00}" dt="2019-09-26T09:38:21.006" v="38049"/>
          <ac:spMkLst>
            <pc:docMk/>
            <pc:sldMk cId="1279582212" sldId="257"/>
            <ac:spMk id="1282" creationId="{D854220B-AC0E-47B7-8EF5-82B6887F38AC}"/>
          </ac:spMkLst>
        </pc:spChg>
        <pc:spChg chg="add del mod modVis">
          <ac:chgData name="Manuel Lidauer" userId="b55e45dd-c6cc-461d-bef5-835fc172e678" providerId="ADAL" clId="{BCD0C6F6-2D95-4A66-B702-D3858BC1FC00}" dt="2019-09-26T09:38:21.006" v="38051"/>
          <ac:spMkLst>
            <pc:docMk/>
            <pc:sldMk cId="1279582212" sldId="257"/>
            <ac:spMk id="1283" creationId="{79EDC93C-613D-4BE0-9E06-84BC979E2B19}"/>
          </ac:spMkLst>
        </pc:spChg>
        <pc:spChg chg="add del mod modVis">
          <ac:chgData name="Manuel Lidauer" userId="b55e45dd-c6cc-461d-bef5-835fc172e678" providerId="ADAL" clId="{BCD0C6F6-2D95-4A66-B702-D3858BC1FC00}" dt="2019-09-26T09:38:21.007" v="38053"/>
          <ac:spMkLst>
            <pc:docMk/>
            <pc:sldMk cId="1279582212" sldId="257"/>
            <ac:spMk id="1284" creationId="{F42531E9-2CFD-42F7-B6E6-24C40A61F0C0}"/>
          </ac:spMkLst>
        </pc:spChg>
        <pc:spChg chg="add del mod modVis">
          <ac:chgData name="Manuel Lidauer" userId="b55e45dd-c6cc-461d-bef5-835fc172e678" providerId="ADAL" clId="{BCD0C6F6-2D95-4A66-B702-D3858BC1FC00}" dt="2019-09-26T09:38:21.008" v="38055"/>
          <ac:spMkLst>
            <pc:docMk/>
            <pc:sldMk cId="1279582212" sldId="257"/>
            <ac:spMk id="1285" creationId="{54FC73C9-3728-4B66-82F9-B36FEC040419}"/>
          </ac:spMkLst>
        </pc:spChg>
        <pc:spChg chg="add del mod modVis">
          <ac:chgData name="Manuel Lidauer" userId="b55e45dd-c6cc-461d-bef5-835fc172e678" providerId="ADAL" clId="{BCD0C6F6-2D95-4A66-B702-D3858BC1FC00}" dt="2019-09-26T09:38:21.009" v="38057"/>
          <ac:spMkLst>
            <pc:docMk/>
            <pc:sldMk cId="1279582212" sldId="257"/>
            <ac:spMk id="1286" creationId="{CC0B9716-00A1-4A93-BB02-B54867E5DEC9}"/>
          </ac:spMkLst>
        </pc:spChg>
        <pc:spChg chg="add del mod modVis">
          <ac:chgData name="Manuel Lidauer" userId="b55e45dd-c6cc-461d-bef5-835fc172e678" providerId="ADAL" clId="{BCD0C6F6-2D95-4A66-B702-D3858BC1FC00}" dt="2019-09-26T09:38:21.009" v="38059"/>
          <ac:spMkLst>
            <pc:docMk/>
            <pc:sldMk cId="1279582212" sldId="257"/>
            <ac:spMk id="1287" creationId="{63618E68-C89E-4AEA-974F-E1919998F4C1}"/>
          </ac:spMkLst>
        </pc:spChg>
        <pc:spChg chg="add del mod modVis">
          <ac:chgData name="Manuel Lidauer" userId="b55e45dd-c6cc-461d-bef5-835fc172e678" providerId="ADAL" clId="{BCD0C6F6-2D95-4A66-B702-D3858BC1FC00}" dt="2019-09-26T09:38:21.010" v="38061"/>
          <ac:spMkLst>
            <pc:docMk/>
            <pc:sldMk cId="1279582212" sldId="257"/>
            <ac:spMk id="1288" creationId="{19ED6923-423E-44A4-BF07-F3549CFC1AEC}"/>
          </ac:spMkLst>
        </pc:spChg>
        <pc:spChg chg="add del mod modVis">
          <ac:chgData name="Manuel Lidauer" userId="b55e45dd-c6cc-461d-bef5-835fc172e678" providerId="ADAL" clId="{BCD0C6F6-2D95-4A66-B702-D3858BC1FC00}" dt="2019-09-26T09:38:21.011" v="38063"/>
          <ac:spMkLst>
            <pc:docMk/>
            <pc:sldMk cId="1279582212" sldId="257"/>
            <ac:spMk id="1289" creationId="{1CF1BCEF-CA9C-42B2-970D-676ED501233B}"/>
          </ac:spMkLst>
        </pc:spChg>
        <pc:spChg chg="add del mod modVis">
          <ac:chgData name="Manuel Lidauer" userId="b55e45dd-c6cc-461d-bef5-835fc172e678" providerId="ADAL" clId="{BCD0C6F6-2D95-4A66-B702-D3858BC1FC00}" dt="2019-09-26T09:38:21.011" v="38064"/>
          <ac:spMkLst>
            <pc:docMk/>
            <pc:sldMk cId="1279582212" sldId="257"/>
            <ac:spMk id="1290" creationId="{308D5B51-696A-477C-BC67-04676B693E34}"/>
          </ac:spMkLst>
        </pc:spChg>
        <pc:spChg chg="add del mod modVis">
          <ac:chgData name="Manuel Lidauer" userId="b55e45dd-c6cc-461d-bef5-835fc172e678" providerId="ADAL" clId="{BCD0C6F6-2D95-4A66-B702-D3858BC1FC00}" dt="2019-09-26T09:38:21.012" v="38066"/>
          <ac:spMkLst>
            <pc:docMk/>
            <pc:sldMk cId="1279582212" sldId="257"/>
            <ac:spMk id="1291" creationId="{D16E58D3-E0AB-45B2-B96C-AB9246888F32}"/>
          </ac:spMkLst>
        </pc:spChg>
        <pc:spChg chg="add del mod modVis">
          <ac:chgData name="Manuel Lidauer" userId="b55e45dd-c6cc-461d-bef5-835fc172e678" providerId="ADAL" clId="{BCD0C6F6-2D95-4A66-B702-D3858BC1FC00}" dt="2019-09-26T09:38:21.014" v="38068"/>
          <ac:spMkLst>
            <pc:docMk/>
            <pc:sldMk cId="1279582212" sldId="257"/>
            <ac:spMk id="1292" creationId="{4B1F2350-CB8C-4EC5-946A-F55DFF369756}"/>
          </ac:spMkLst>
        </pc:spChg>
        <pc:spChg chg="add del mod modVis">
          <ac:chgData name="Manuel Lidauer" userId="b55e45dd-c6cc-461d-bef5-835fc172e678" providerId="ADAL" clId="{BCD0C6F6-2D95-4A66-B702-D3858BC1FC00}" dt="2019-09-26T09:38:21.014" v="38070"/>
          <ac:spMkLst>
            <pc:docMk/>
            <pc:sldMk cId="1279582212" sldId="257"/>
            <ac:spMk id="1293" creationId="{A06A958C-5FF6-4ADF-94D9-171AB09AC452}"/>
          </ac:spMkLst>
        </pc:spChg>
        <pc:spChg chg="add del mod modVis">
          <ac:chgData name="Manuel Lidauer" userId="b55e45dd-c6cc-461d-bef5-835fc172e678" providerId="ADAL" clId="{BCD0C6F6-2D95-4A66-B702-D3858BC1FC00}" dt="2019-09-26T09:38:21.015" v="38072"/>
          <ac:spMkLst>
            <pc:docMk/>
            <pc:sldMk cId="1279582212" sldId="257"/>
            <ac:spMk id="1294" creationId="{321E0C23-5272-44F2-ACAC-EF51ABF03E7D}"/>
          </ac:spMkLst>
        </pc:spChg>
        <pc:spChg chg="add del mod modVis">
          <ac:chgData name="Manuel Lidauer" userId="b55e45dd-c6cc-461d-bef5-835fc172e678" providerId="ADAL" clId="{BCD0C6F6-2D95-4A66-B702-D3858BC1FC00}" dt="2019-09-26T09:38:21.015" v="38074"/>
          <ac:spMkLst>
            <pc:docMk/>
            <pc:sldMk cId="1279582212" sldId="257"/>
            <ac:spMk id="1295" creationId="{24EFCEA9-B34E-4836-AC97-96C2CEDAF2C6}"/>
          </ac:spMkLst>
        </pc:spChg>
        <pc:spChg chg="add del mod modVis">
          <ac:chgData name="Manuel Lidauer" userId="b55e45dd-c6cc-461d-bef5-835fc172e678" providerId="ADAL" clId="{BCD0C6F6-2D95-4A66-B702-D3858BC1FC00}" dt="2019-09-26T09:38:21.016" v="38076"/>
          <ac:spMkLst>
            <pc:docMk/>
            <pc:sldMk cId="1279582212" sldId="257"/>
            <ac:spMk id="1296" creationId="{B8EB3952-B1C5-40E7-8A17-BF607179F9AE}"/>
          </ac:spMkLst>
        </pc:spChg>
        <pc:spChg chg="add del mod modVis">
          <ac:chgData name="Manuel Lidauer" userId="b55e45dd-c6cc-461d-bef5-835fc172e678" providerId="ADAL" clId="{BCD0C6F6-2D95-4A66-B702-D3858BC1FC00}" dt="2019-09-26T09:38:21.017" v="38078"/>
          <ac:spMkLst>
            <pc:docMk/>
            <pc:sldMk cId="1279582212" sldId="257"/>
            <ac:spMk id="1297" creationId="{24B14EF9-ED29-4674-974F-027181EC87F9}"/>
          </ac:spMkLst>
        </pc:spChg>
        <pc:spChg chg="add del mod modVis">
          <ac:chgData name="Manuel Lidauer" userId="b55e45dd-c6cc-461d-bef5-835fc172e678" providerId="ADAL" clId="{BCD0C6F6-2D95-4A66-B702-D3858BC1FC00}" dt="2019-09-26T09:38:21.017" v="38079"/>
          <ac:spMkLst>
            <pc:docMk/>
            <pc:sldMk cId="1279582212" sldId="257"/>
            <ac:spMk id="1298" creationId="{C0F27815-A5CB-40D2-AF6A-6501CF223D20}"/>
          </ac:spMkLst>
        </pc:spChg>
        <pc:spChg chg="add del mod modVis">
          <ac:chgData name="Manuel Lidauer" userId="b55e45dd-c6cc-461d-bef5-835fc172e678" providerId="ADAL" clId="{BCD0C6F6-2D95-4A66-B702-D3858BC1FC00}" dt="2019-09-26T09:38:21.018" v="38081"/>
          <ac:spMkLst>
            <pc:docMk/>
            <pc:sldMk cId="1279582212" sldId="257"/>
            <ac:spMk id="1299" creationId="{1790D058-7371-40C2-B916-69C69F541041}"/>
          </ac:spMkLst>
        </pc:spChg>
        <pc:spChg chg="add del mod modVis">
          <ac:chgData name="Manuel Lidauer" userId="b55e45dd-c6cc-461d-bef5-835fc172e678" providerId="ADAL" clId="{BCD0C6F6-2D95-4A66-B702-D3858BC1FC00}" dt="2019-09-26T09:38:21.018" v="38083"/>
          <ac:spMkLst>
            <pc:docMk/>
            <pc:sldMk cId="1279582212" sldId="257"/>
            <ac:spMk id="1300" creationId="{7281FEE9-7086-4ED8-A6D6-5E8608EB0E7E}"/>
          </ac:spMkLst>
        </pc:spChg>
        <pc:spChg chg="add del mod modVis">
          <ac:chgData name="Manuel Lidauer" userId="b55e45dd-c6cc-461d-bef5-835fc172e678" providerId="ADAL" clId="{BCD0C6F6-2D95-4A66-B702-D3858BC1FC00}" dt="2019-09-26T09:38:21.019" v="38085"/>
          <ac:spMkLst>
            <pc:docMk/>
            <pc:sldMk cId="1279582212" sldId="257"/>
            <ac:spMk id="1301" creationId="{52FACEA3-A92F-43D2-882B-483BD4C113D9}"/>
          </ac:spMkLst>
        </pc:spChg>
        <pc:spChg chg="add del mod modVis">
          <ac:chgData name="Manuel Lidauer" userId="b55e45dd-c6cc-461d-bef5-835fc172e678" providerId="ADAL" clId="{BCD0C6F6-2D95-4A66-B702-D3858BC1FC00}" dt="2019-09-26T09:38:21.020" v="38087"/>
          <ac:spMkLst>
            <pc:docMk/>
            <pc:sldMk cId="1279582212" sldId="257"/>
            <ac:spMk id="1302" creationId="{C0412B8B-8AC5-40E6-AAA5-A3780938A9FF}"/>
          </ac:spMkLst>
        </pc:spChg>
        <pc:spChg chg="add del mod modVis">
          <ac:chgData name="Manuel Lidauer" userId="b55e45dd-c6cc-461d-bef5-835fc172e678" providerId="ADAL" clId="{BCD0C6F6-2D95-4A66-B702-D3858BC1FC00}" dt="2019-09-26T09:38:21.020" v="38089"/>
          <ac:spMkLst>
            <pc:docMk/>
            <pc:sldMk cId="1279582212" sldId="257"/>
            <ac:spMk id="1303" creationId="{76DDF92C-9A32-4BA9-AF50-CE23CC166837}"/>
          </ac:spMkLst>
        </pc:spChg>
        <pc:spChg chg="add del mod modVis">
          <ac:chgData name="Manuel Lidauer" userId="b55e45dd-c6cc-461d-bef5-835fc172e678" providerId="ADAL" clId="{BCD0C6F6-2D95-4A66-B702-D3858BC1FC00}" dt="2019-09-26T09:38:21.021" v="38091"/>
          <ac:spMkLst>
            <pc:docMk/>
            <pc:sldMk cId="1279582212" sldId="257"/>
            <ac:spMk id="1304" creationId="{4A8281A5-FDAA-4297-9A59-452B5DD3DAA8}"/>
          </ac:spMkLst>
        </pc:spChg>
        <pc:spChg chg="add del mod modVis">
          <ac:chgData name="Manuel Lidauer" userId="b55e45dd-c6cc-461d-bef5-835fc172e678" providerId="ADAL" clId="{BCD0C6F6-2D95-4A66-B702-D3858BC1FC00}" dt="2019-09-26T09:38:21.022" v="38093"/>
          <ac:spMkLst>
            <pc:docMk/>
            <pc:sldMk cId="1279582212" sldId="257"/>
            <ac:spMk id="1305" creationId="{8FFAC629-2D6A-4D2D-82AD-58A0A87EA0CF}"/>
          </ac:spMkLst>
        </pc:spChg>
        <pc:spChg chg="add del mod modVis">
          <ac:chgData name="Manuel Lidauer" userId="b55e45dd-c6cc-461d-bef5-835fc172e678" providerId="ADAL" clId="{BCD0C6F6-2D95-4A66-B702-D3858BC1FC00}" dt="2019-09-26T09:38:21.022" v="38094"/>
          <ac:spMkLst>
            <pc:docMk/>
            <pc:sldMk cId="1279582212" sldId="257"/>
            <ac:spMk id="1306" creationId="{23916F08-F6D1-420E-8F90-4A67701F090D}"/>
          </ac:spMkLst>
        </pc:spChg>
        <pc:spChg chg="add del mod modVis">
          <ac:chgData name="Manuel Lidauer" userId="b55e45dd-c6cc-461d-bef5-835fc172e678" providerId="ADAL" clId="{BCD0C6F6-2D95-4A66-B702-D3858BC1FC00}" dt="2019-09-26T09:38:21.023" v="38096"/>
          <ac:spMkLst>
            <pc:docMk/>
            <pc:sldMk cId="1279582212" sldId="257"/>
            <ac:spMk id="1307" creationId="{2DC9095C-33E4-4964-A429-F5A014340BE6}"/>
          </ac:spMkLst>
        </pc:spChg>
        <pc:spChg chg="add del mod modVis">
          <ac:chgData name="Manuel Lidauer" userId="b55e45dd-c6cc-461d-bef5-835fc172e678" providerId="ADAL" clId="{BCD0C6F6-2D95-4A66-B702-D3858BC1FC00}" dt="2019-09-26T09:38:21.023" v="38098"/>
          <ac:spMkLst>
            <pc:docMk/>
            <pc:sldMk cId="1279582212" sldId="257"/>
            <ac:spMk id="1308" creationId="{CEEEA588-683E-4D33-8680-FBC579C96E49}"/>
          </ac:spMkLst>
        </pc:spChg>
        <pc:spChg chg="add del mod modVis">
          <ac:chgData name="Manuel Lidauer" userId="b55e45dd-c6cc-461d-bef5-835fc172e678" providerId="ADAL" clId="{BCD0C6F6-2D95-4A66-B702-D3858BC1FC00}" dt="2019-09-26T09:38:21.024" v="38100"/>
          <ac:spMkLst>
            <pc:docMk/>
            <pc:sldMk cId="1279582212" sldId="257"/>
            <ac:spMk id="1309" creationId="{72FA3240-4FFC-4EB8-B24C-AED71B4071AA}"/>
          </ac:spMkLst>
        </pc:spChg>
        <pc:spChg chg="add del mod modVis">
          <ac:chgData name="Manuel Lidauer" userId="b55e45dd-c6cc-461d-bef5-835fc172e678" providerId="ADAL" clId="{BCD0C6F6-2D95-4A66-B702-D3858BC1FC00}" dt="2019-09-26T09:38:21.025" v="38102"/>
          <ac:spMkLst>
            <pc:docMk/>
            <pc:sldMk cId="1279582212" sldId="257"/>
            <ac:spMk id="1310" creationId="{B250C4DA-C65B-46EA-98ED-279C38BCFE37}"/>
          </ac:spMkLst>
        </pc:spChg>
        <pc:spChg chg="add del mod modVis">
          <ac:chgData name="Manuel Lidauer" userId="b55e45dd-c6cc-461d-bef5-835fc172e678" providerId="ADAL" clId="{BCD0C6F6-2D95-4A66-B702-D3858BC1FC00}" dt="2019-09-26T09:38:21.025" v="38104"/>
          <ac:spMkLst>
            <pc:docMk/>
            <pc:sldMk cId="1279582212" sldId="257"/>
            <ac:spMk id="1311" creationId="{BE2766ED-D38E-4825-BADA-5553443EEAB3}"/>
          </ac:spMkLst>
        </pc:spChg>
        <pc:spChg chg="add del mod modVis">
          <ac:chgData name="Manuel Lidauer" userId="b55e45dd-c6cc-461d-bef5-835fc172e678" providerId="ADAL" clId="{BCD0C6F6-2D95-4A66-B702-D3858BC1FC00}" dt="2019-09-26T09:38:21.026" v="38106"/>
          <ac:spMkLst>
            <pc:docMk/>
            <pc:sldMk cId="1279582212" sldId="257"/>
            <ac:spMk id="1312" creationId="{14022DC3-2DB5-4C83-A8E5-E366EB82D206}"/>
          </ac:spMkLst>
        </pc:spChg>
        <pc:spChg chg="add del mod modVis">
          <ac:chgData name="Manuel Lidauer" userId="b55e45dd-c6cc-461d-bef5-835fc172e678" providerId="ADAL" clId="{BCD0C6F6-2D95-4A66-B702-D3858BC1FC00}" dt="2019-09-26T09:38:21.027" v="38108"/>
          <ac:spMkLst>
            <pc:docMk/>
            <pc:sldMk cId="1279582212" sldId="257"/>
            <ac:spMk id="1313" creationId="{633BCA45-D064-4474-93C3-DA5083D3F0C1}"/>
          </ac:spMkLst>
        </pc:spChg>
        <pc:spChg chg="add del mod modVis">
          <ac:chgData name="Manuel Lidauer" userId="b55e45dd-c6cc-461d-bef5-835fc172e678" providerId="ADAL" clId="{BCD0C6F6-2D95-4A66-B702-D3858BC1FC00}" dt="2019-09-26T09:38:21.027" v="38109"/>
          <ac:spMkLst>
            <pc:docMk/>
            <pc:sldMk cId="1279582212" sldId="257"/>
            <ac:spMk id="1314" creationId="{C9161192-D6F1-48CF-B298-1B34B20C1683}"/>
          </ac:spMkLst>
        </pc:spChg>
        <pc:spChg chg="add del mod modVis">
          <ac:chgData name="Manuel Lidauer" userId="b55e45dd-c6cc-461d-bef5-835fc172e678" providerId="ADAL" clId="{BCD0C6F6-2D95-4A66-B702-D3858BC1FC00}" dt="2019-09-26T09:38:21.028" v="38111"/>
          <ac:spMkLst>
            <pc:docMk/>
            <pc:sldMk cId="1279582212" sldId="257"/>
            <ac:spMk id="1315" creationId="{654A1142-B1CD-4E71-8F6A-3C9ABDD34035}"/>
          </ac:spMkLst>
        </pc:spChg>
        <pc:spChg chg="add del mod modVis">
          <ac:chgData name="Manuel Lidauer" userId="b55e45dd-c6cc-461d-bef5-835fc172e678" providerId="ADAL" clId="{BCD0C6F6-2D95-4A66-B702-D3858BC1FC00}" dt="2019-09-26T09:38:21.030" v="38113"/>
          <ac:spMkLst>
            <pc:docMk/>
            <pc:sldMk cId="1279582212" sldId="257"/>
            <ac:spMk id="1316" creationId="{66DF96FF-C89B-4757-89EA-95D4A79C33C5}"/>
          </ac:spMkLst>
        </pc:spChg>
        <pc:spChg chg="add del mod modVis">
          <ac:chgData name="Manuel Lidauer" userId="b55e45dd-c6cc-461d-bef5-835fc172e678" providerId="ADAL" clId="{BCD0C6F6-2D95-4A66-B702-D3858BC1FC00}" dt="2019-09-26T09:38:21.030" v="38115"/>
          <ac:spMkLst>
            <pc:docMk/>
            <pc:sldMk cId="1279582212" sldId="257"/>
            <ac:spMk id="1317" creationId="{9939E39B-AB4D-42BB-8C0C-EAA5C65BCBD0}"/>
          </ac:spMkLst>
        </pc:spChg>
        <pc:spChg chg="add del mod modVis">
          <ac:chgData name="Manuel Lidauer" userId="b55e45dd-c6cc-461d-bef5-835fc172e678" providerId="ADAL" clId="{BCD0C6F6-2D95-4A66-B702-D3858BC1FC00}" dt="2019-09-26T09:38:21.031" v="38117"/>
          <ac:spMkLst>
            <pc:docMk/>
            <pc:sldMk cId="1279582212" sldId="257"/>
            <ac:spMk id="1318" creationId="{4D72DCFA-D725-4100-8758-CCF0B61DA245}"/>
          </ac:spMkLst>
        </pc:spChg>
        <pc:spChg chg="add del mod modVis">
          <ac:chgData name="Manuel Lidauer" userId="b55e45dd-c6cc-461d-bef5-835fc172e678" providerId="ADAL" clId="{BCD0C6F6-2D95-4A66-B702-D3858BC1FC00}" dt="2019-09-26T09:38:21.031" v="38119"/>
          <ac:spMkLst>
            <pc:docMk/>
            <pc:sldMk cId="1279582212" sldId="257"/>
            <ac:spMk id="1319" creationId="{4A2CFF35-8E40-4DD3-A852-886ECF6F5340}"/>
          </ac:spMkLst>
        </pc:spChg>
        <pc:spChg chg="add del mod modVis">
          <ac:chgData name="Manuel Lidauer" userId="b55e45dd-c6cc-461d-bef5-835fc172e678" providerId="ADAL" clId="{BCD0C6F6-2D95-4A66-B702-D3858BC1FC00}" dt="2019-09-26T09:38:21.032" v="38121"/>
          <ac:spMkLst>
            <pc:docMk/>
            <pc:sldMk cId="1279582212" sldId="257"/>
            <ac:spMk id="1320" creationId="{FD955A21-B74E-4391-9105-2776E18716A8}"/>
          </ac:spMkLst>
        </pc:spChg>
        <pc:spChg chg="add del mod modVis">
          <ac:chgData name="Manuel Lidauer" userId="b55e45dd-c6cc-461d-bef5-835fc172e678" providerId="ADAL" clId="{BCD0C6F6-2D95-4A66-B702-D3858BC1FC00}" dt="2019-09-26T09:38:21.033" v="38123"/>
          <ac:spMkLst>
            <pc:docMk/>
            <pc:sldMk cId="1279582212" sldId="257"/>
            <ac:spMk id="1321" creationId="{7B9F7168-9F56-437E-B977-3D6E93883AB5}"/>
          </ac:spMkLst>
        </pc:spChg>
        <pc:spChg chg="add del mod modVis">
          <ac:chgData name="Manuel Lidauer" userId="b55e45dd-c6cc-461d-bef5-835fc172e678" providerId="ADAL" clId="{BCD0C6F6-2D95-4A66-B702-D3858BC1FC00}" dt="2019-09-26T09:38:21.033" v="38124"/>
          <ac:spMkLst>
            <pc:docMk/>
            <pc:sldMk cId="1279582212" sldId="257"/>
            <ac:spMk id="1322" creationId="{4FD531C2-2504-48E4-8957-83AB995B999F}"/>
          </ac:spMkLst>
        </pc:spChg>
        <pc:spChg chg="add del mod modVis">
          <ac:chgData name="Manuel Lidauer" userId="b55e45dd-c6cc-461d-bef5-835fc172e678" providerId="ADAL" clId="{BCD0C6F6-2D95-4A66-B702-D3858BC1FC00}" dt="2019-09-26T09:38:21.034" v="38126"/>
          <ac:spMkLst>
            <pc:docMk/>
            <pc:sldMk cId="1279582212" sldId="257"/>
            <ac:spMk id="1323" creationId="{22A84009-DF13-4B51-9073-F26313C4677F}"/>
          </ac:spMkLst>
        </pc:spChg>
        <pc:spChg chg="add del mod modVis">
          <ac:chgData name="Manuel Lidauer" userId="b55e45dd-c6cc-461d-bef5-835fc172e678" providerId="ADAL" clId="{BCD0C6F6-2D95-4A66-B702-D3858BC1FC00}" dt="2019-09-26T09:38:21.034" v="38128"/>
          <ac:spMkLst>
            <pc:docMk/>
            <pc:sldMk cId="1279582212" sldId="257"/>
            <ac:spMk id="1324" creationId="{4F6AC725-7AE3-4B2A-95D3-837B3ADD5F9F}"/>
          </ac:spMkLst>
        </pc:spChg>
        <pc:spChg chg="add del mod modVis">
          <ac:chgData name="Manuel Lidauer" userId="b55e45dd-c6cc-461d-bef5-835fc172e678" providerId="ADAL" clId="{BCD0C6F6-2D95-4A66-B702-D3858BC1FC00}" dt="2019-09-26T09:38:21.035" v="38130"/>
          <ac:spMkLst>
            <pc:docMk/>
            <pc:sldMk cId="1279582212" sldId="257"/>
            <ac:spMk id="1325" creationId="{3E76D027-97A1-41FE-900C-F204DCC5A55D}"/>
          </ac:spMkLst>
        </pc:spChg>
        <pc:spChg chg="add del mod modVis">
          <ac:chgData name="Manuel Lidauer" userId="b55e45dd-c6cc-461d-bef5-835fc172e678" providerId="ADAL" clId="{BCD0C6F6-2D95-4A66-B702-D3858BC1FC00}" dt="2019-09-26T09:38:21.036" v="38132"/>
          <ac:spMkLst>
            <pc:docMk/>
            <pc:sldMk cId="1279582212" sldId="257"/>
            <ac:spMk id="1326" creationId="{D3DC1FCD-A381-4397-9122-0536089C4279}"/>
          </ac:spMkLst>
        </pc:spChg>
        <pc:spChg chg="add del mod modVis">
          <ac:chgData name="Manuel Lidauer" userId="b55e45dd-c6cc-461d-bef5-835fc172e678" providerId="ADAL" clId="{BCD0C6F6-2D95-4A66-B702-D3858BC1FC00}" dt="2019-09-26T09:38:21.036" v="38134"/>
          <ac:spMkLst>
            <pc:docMk/>
            <pc:sldMk cId="1279582212" sldId="257"/>
            <ac:spMk id="1327" creationId="{F60960A9-2D01-4AC5-BF51-D113D4CDC33D}"/>
          </ac:spMkLst>
        </pc:spChg>
        <pc:spChg chg="add del mod modVis">
          <ac:chgData name="Manuel Lidauer" userId="b55e45dd-c6cc-461d-bef5-835fc172e678" providerId="ADAL" clId="{BCD0C6F6-2D95-4A66-B702-D3858BC1FC00}" dt="2019-09-26T09:38:21.037" v="38136"/>
          <ac:spMkLst>
            <pc:docMk/>
            <pc:sldMk cId="1279582212" sldId="257"/>
            <ac:spMk id="1328" creationId="{85DED4EF-E99D-4C26-B801-300B09C7D394}"/>
          </ac:spMkLst>
        </pc:spChg>
        <pc:spChg chg="add del mod modVis">
          <ac:chgData name="Manuel Lidauer" userId="b55e45dd-c6cc-461d-bef5-835fc172e678" providerId="ADAL" clId="{BCD0C6F6-2D95-4A66-B702-D3858BC1FC00}" dt="2019-09-26T09:38:21.038" v="38138"/>
          <ac:spMkLst>
            <pc:docMk/>
            <pc:sldMk cId="1279582212" sldId="257"/>
            <ac:spMk id="1329" creationId="{25C81370-735B-46C6-B260-94ED3D3EA7A7}"/>
          </ac:spMkLst>
        </pc:spChg>
        <pc:spChg chg="add del mod modVis">
          <ac:chgData name="Manuel Lidauer" userId="b55e45dd-c6cc-461d-bef5-835fc172e678" providerId="ADAL" clId="{BCD0C6F6-2D95-4A66-B702-D3858BC1FC00}" dt="2019-09-26T09:38:21.038" v="38139"/>
          <ac:spMkLst>
            <pc:docMk/>
            <pc:sldMk cId="1279582212" sldId="257"/>
            <ac:spMk id="1330" creationId="{5E9FCF76-F896-4670-8F8A-28FDD074F5DB}"/>
          </ac:spMkLst>
        </pc:spChg>
        <pc:spChg chg="add del mod modVis">
          <ac:chgData name="Manuel Lidauer" userId="b55e45dd-c6cc-461d-bef5-835fc172e678" providerId="ADAL" clId="{BCD0C6F6-2D95-4A66-B702-D3858BC1FC00}" dt="2019-09-26T09:38:21.039" v="38141"/>
          <ac:spMkLst>
            <pc:docMk/>
            <pc:sldMk cId="1279582212" sldId="257"/>
            <ac:spMk id="1331" creationId="{413F66EB-3973-437E-AE57-7C47F248D321}"/>
          </ac:spMkLst>
        </pc:spChg>
        <pc:spChg chg="add del mod modVis">
          <ac:chgData name="Manuel Lidauer" userId="b55e45dd-c6cc-461d-bef5-835fc172e678" providerId="ADAL" clId="{BCD0C6F6-2D95-4A66-B702-D3858BC1FC00}" dt="2019-09-26T09:38:21.040" v="38143"/>
          <ac:spMkLst>
            <pc:docMk/>
            <pc:sldMk cId="1279582212" sldId="257"/>
            <ac:spMk id="1332" creationId="{FC4BF13E-B445-4EE2-B9C5-3566F35AF943}"/>
          </ac:spMkLst>
        </pc:spChg>
        <pc:spChg chg="add del mod modVis">
          <ac:chgData name="Manuel Lidauer" userId="b55e45dd-c6cc-461d-bef5-835fc172e678" providerId="ADAL" clId="{BCD0C6F6-2D95-4A66-B702-D3858BC1FC00}" dt="2019-09-26T09:38:21.040" v="38145"/>
          <ac:spMkLst>
            <pc:docMk/>
            <pc:sldMk cId="1279582212" sldId="257"/>
            <ac:spMk id="1333" creationId="{D8B6CF9D-0201-4EE2-91DE-B1D274B4A720}"/>
          </ac:spMkLst>
        </pc:spChg>
        <pc:spChg chg="add del mod modVis">
          <ac:chgData name="Manuel Lidauer" userId="b55e45dd-c6cc-461d-bef5-835fc172e678" providerId="ADAL" clId="{BCD0C6F6-2D95-4A66-B702-D3858BC1FC00}" dt="2019-09-26T09:38:21.041" v="38147"/>
          <ac:spMkLst>
            <pc:docMk/>
            <pc:sldMk cId="1279582212" sldId="257"/>
            <ac:spMk id="1334" creationId="{B73BC420-8F03-4E02-BD83-9CFA236CEB26}"/>
          </ac:spMkLst>
        </pc:spChg>
        <pc:spChg chg="add del mod modVis">
          <ac:chgData name="Manuel Lidauer" userId="b55e45dd-c6cc-461d-bef5-835fc172e678" providerId="ADAL" clId="{BCD0C6F6-2D95-4A66-B702-D3858BC1FC00}" dt="2019-09-26T09:38:21.042" v="38149"/>
          <ac:spMkLst>
            <pc:docMk/>
            <pc:sldMk cId="1279582212" sldId="257"/>
            <ac:spMk id="1335" creationId="{28C8030D-FF8E-4141-90BA-480258434127}"/>
          </ac:spMkLst>
        </pc:spChg>
        <pc:spChg chg="add del mod modVis">
          <ac:chgData name="Manuel Lidauer" userId="b55e45dd-c6cc-461d-bef5-835fc172e678" providerId="ADAL" clId="{BCD0C6F6-2D95-4A66-B702-D3858BC1FC00}" dt="2019-09-26T09:38:21.042" v="38151"/>
          <ac:spMkLst>
            <pc:docMk/>
            <pc:sldMk cId="1279582212" sldId="257"/>
            <ac:spMk id="1336" creationId="{C6DFCDD0-CEEE-4BF0-88BF-82B2A8197600}"/>
          </ac:spMkLst>
        </pc:spChg>
        <pc:spChg chg="add del mod modVis">
          <ac:chgData name="Manuel Lidauer" userId="b55e45dd-c6cc-461d-bef5-835fc172e678" providerId="ADAL" clId="{BCD0C6F6-2D95-4A66-B702-D3858BC1FC00}" dt="2019-09-26T09:38:21.043" v="38153"/>
          <ac:spMkLst>
            <pc:docMk/>
            <pc:sldMk cId="1279582212" sldId="257"/>
            <ac:spMk id="1337" creationId="{F16DCE17-CDCC-45C0-BCC5-915ABD425EF7}"/>
          </ac:spMkLst>
        </pc:spChg>
        <pc:spChg chg="add del mod modVis">
          <ac:chgData name="Manuel Lidauer" userId="b55e45dd-c6cc-461d-bef5-835fc172e678" providerId="ADAL" clId="{BCD0C6F6-2D95-4A66-B702-D3858BC1FC00}" dt="2019-09-26T09:38:21.043" v="38154"/>
          <ac:spMkLst>
            <pc:docMk/>
            <pc:sldMk cId="1279582212" sldId="257"/>
            <ac:spMk id="1338" creationId="{ADE32BBD-5FD6-4579-A535-C41819D00205}"/>
          </ac:spMkLst>
        </pc:spChg>
        <pc:spChg chg="add del mod modVis">
          <ac:chgData name="Manuel Lidauer" userId="b55e45dd-c6cc-461d-bef5-835fc172e678" providerId="ADAL" clId="{BCD0C6F6-2D95-4A66-B702-D3858BC1FC00}" dt="2019-09-26T09:38:21.044" v="38156"/>
          <ac:spMkLst>
            <pc:docMk/>
            <pc:sldMk cId="1279582212" sldId="257"/>
            <ac:spMk id="1339" creationId="{F9FD0C7F-D549-4314-A046-6EE0D550CDE8}"/>
          </ac:spMkLst>
        </pc:spChg>
        <pc:spChg chg="add del mod modVis">
          <ac:chgData name="Manuel Lidauer" userId="b55e45dd-c6cc-461d-bef5-835fc172e678" providerId="ADAL" clId="{BCD0C6F6-2D95-4A66-B702-D3858BC1FC00}" dt="2019-09-26T09:38:21.045" v="38158"/>
          <ac:spMkLst>
            <pc:docMk/>
            <pc:sldMk cId="1279582212" sldId="257"/>
            <ac:spMk id="1340" creationId="{E8089F39-D63D-4B52-8A46-079E6C0A2BF1}"/>
          </ac:spMkLst>
        </pc:spChg>
        <pc:spChg chg="add del mod modVis">
          <ac:chgData name="Manuel Lidauer" userId="b55e45dd-c6cc-461d-bef5-835fc172e678" providerId="ADAL" clId="{BCD0C6F6-2D95-4A66-B702-D3858BC1FC00}" dt="2019-09-26T09:38:21.046" v="38160"/>
          <ac:spMkLst>
            <pc:docMk/>
            <pc:sldMk cId="1279582212" sldId="257"/>
            <ac:spMk id="1341" creationId="{6FE54C21-6136-4A95-8F15-CC9923DF42AA}"/>
          </ac:spMkLst>
        </pc:spChg>
        <pc:spChg chg="add del mod modVis">
          <ac:chgData name="Manuel Lidauer" userId="b55e45dd-c6cc-461d-bef5-835fc172e678" providerId="ADAL" clId="{BCD0C6F6-2D95-4A66-B702-D3858BC1FC00}" dt="2019-09-26T09:38:21.047" v="38162"/>
          <ac:spMkLst>
            <pc:docMk/>
            <pc:sldMk cId="1279582212" sldId="257"/>
            <ac:spMk id="1342" creationId="{FBD6DAFE-4F88-40A4-A3A0-C7066E963538}"/>
          </ac:spMkLst>
        </pc:spChg>
        <pc:spChg chg="add del mod modVis">
          <ac:chgData name="Manuel Lidauer" userId="b55e45dd-c6cc-461d-bef5-835fc172e678" providerId="ADAL" clId="{BCD0C6F6-2D95-4A66-B702-D3858BC1FC00}" dt="2019-09-26T09:38:21.048" v="38164"/>
          <ac:spMkLst>
            <pc:docMk/>
            <pc:sldMk cId="1279582212" sldId="257"/>
            <ac:spMk id="1343" creationId="{B7CC079C-7E18-4932-948C-28C25D8C87D6}"/>
          </ac:spMkLst>
        </pc:spChg>
        <pc:spChg chg="add del mod modVis">
          <ac:chgData name="Manuel Lidauer" userId="b55e45dd-c6cc-461d-bef5-835fc172e678" providerId="ADAL" clId="{BCD0C6F6-2D95-4A66-B702-D3858BC1FC00}" dt="2019-09-26T09:38:21.048" v="38166"/>
          <ac:spMkLst>
            <pc:docMk/>
            <pc:sldMk cId="1279582212" sldId="257"/>
            <ac:spMk id="1344" creationId="{04DA29BD-65B7-4E8F-BEEC-9833C34EE40E}"/>
          </ac:spMkLst>
        </pc:spChg>
        <pc:spChg chg="add del mod modVis">
          <ac:chgData name="Manuel Lidauer" userId="b55e45dd-c6cc-461d-bef5-835fc172e678" providerId="ADAL" clId="{BCD0C6F6-2D95-4A66-B702-D3858BC1FC00}" dt="2019-09-26T09:38:21.049" v="38168"/>
          <ac:spMkLst>
            <pc:docMk/>
            <pc:sldMk cId="1279582212" sldId="257"/>
            <ac:spMk id="1345" creationId="{0FABB9DC-72DC-4279-957F-66A19FF1D4C9}"/>
          </ac:spMkLst>
        </pc:spChg>
        <pc:spChg chg="add del mod modVis">
          <ac:chgData name="Manuel Lidauer" userId="b55e45dd-c6cc-461d-bef5-835fc172e678" providerId="ADAL" clId="{BCD0C6F6-2D95-4A66-B702-D3858BC1FC00}" dt="2019-09-26T09:38:21.049" v="38169"/>
          <ac:spMkLst>
            <pc:docMk/>
            <pc:sldMk cId="1279582212" sldId="257"/>
            <ac:spMk id="1346" creationId="{F1D09FBB-5160-4E22-8D46-03C80DC24517}"/>
          </ac:spMkLst>
        </pc:spChg>
        <pc:spChg chg="add del mod modVis">
          <ac:chgData name="Manuel Lidauer" userId="b55e45dd-c6cc-461d-bef5-835fc172e678" providerId="ADAL" clId="{BCD0C6F6-2D95-4A66-B702-D3858BC1FC00}" dt="2019-09-26T09:38:21.050" v="38171"/>
          <ac:spMkLst>
            <pc:docMk/>
            <pc:sldMk cId="1279582212" sldId="257"/>
            <ac:spMk id="1347" creationId="{09FF4F20-10BD-4884-A57C-8C432B3E6C07}"/>
          </ac:spMkLst>
        </pc:spChg>
        <pc:spChg chg="add del mod modVis">
          <ac:chgData name="Manuel Lidauer" userId="b55e45dd-c6cc-461d-bef5-835fc172e678" providerId="ADAL" clId="{BCD0C6F6-2D95-4A66-B702-D3858BC1FC00}" dt="2019-09-26T09:38:21.050" v="38173"/>
          <ac:spMkLst>
            <pc:docMk/>
            <pc:sldMk cId="1279582212" sldId="257"/>
            <ac:spMk id="1348" creationId="{A6AD3E60-AF93-4C1B-A0DD-FE4802968AEA}"/>
          </ac:spMkLst>
        </pc:spChg>
        <pc:spChg chg="add del mod modVis">
          <ac:chgData name="Manuel Lidauer" userId="b55e45dd-c6cc-461d-bef5-835fc172e678" providerId="ADAL" clId="{BCD0C6F6-2D95-4A66-B702-D3858BC1FC00}" dt="2019-09-26T09:38:21.051" v="38175"/>
          <ac:spMkLst>
            <pc:docMk/>
            <pc:sldMk cId="1279582212" sldId="257"/>
            <ac:spMk id="1349" creationId="{9A0D3900-C77D-4ACD-87CC-3C9ADE072212}"/>
          </ac:spMkLst>
        </pc:spChg>
        <pc:spChg chg="add del mod modVis">
          <ac:chgData name="Manuel Lidauer" userId="b55e45dd-c6cc-461d-bef5-835fc172e678" providerId="ADAL" clId="{BCD0C6F6-2D95-4A66-B702-D3858BC1FC00}" dt="2019-09-26T09:38:21.052" v="38177"/>
          <ac:spMkLst>
            <pc:docMk/>
            <pc:sldMk cId="1279582212" sldId="257"/>
            <ac:spMk id="1350" creationId="{E1F33DCB-8F0A-4F57-9514-C746E259E703}"/>
          </ac:spMkLst>
        </pc:spChg>
        <pc:spChg chg="add del mod modVis">
          <ac:chgData name="Manuel Lidauer" userId="b55e45dd-c6cc-461d-bef5-835fc172e678" providerId="ADAL" clId="{BCD0C6F6-2D95-4A66-B702-D3858BC1FC00}" dt="2019-09-26T09:38:21.053" v="38179"/>
          <ac:spMkLst>
            <pc:docMk/>
            <pc:sldMk cId="1279582212" sldId="257"/>
            <ac:spMk id="1351" creationId="{845673E2-DFB7-404D-B05E-A3CD6BF11965}"/>
          </ac:spMkLst>
        </pc:spChg>
        <pc:spChg chg="add del mod modVis">
          <ac:chgData name="Manuel Lidauer" userId="b55e45dd-c6cc-461d-bef5-835fc172e678" providerId="ADAL" clId="{BCD0C6F6-2D95-4A66-B702-D3858BC1FC00}" dt="2019-09-26T09:38:21.053" v="38181"/>
          <ac:spMkLst>
            <pc:docMk/>
            <pc:sldMk cId="1279582212" sldId="257"/>
            <ac:spMk id="1352" creationId="{08775483-5173-4CF0-A64B-8C3DB9505B03}"/>
          </ac:spMkLst>
        </pc:spChg>
        <pc:spChg chg="add del mod modVis">
          <ac:chgData name="Manuel Lidauer" userId="b55e45dd-c6cc-461d-bef5-835fc172e678" providerId="ADAL" clId="{BCD0C6F6-2D95-4A66-B702-D3858BC1FC00}" dt="2019-09-26T09:38:21.054" v="38183"/>
          <ac:spMkLst>
            <pc:docMk/>
            <pc:sldMk cId="1279582212" sldId="257"/>
            <ac:spMk id="1353" creationId="{A2A9A291-BC55-4FBD-89DC-837402E9EB65}"/>
          </ac:spMkLst>
        </pc:spChg>
        <pc:spChg chg="add del mod modVis">
          <ac:chgData name="Manuel Lidauer" userId="b55e45dd-c6cc-461d-bef5-835fc172e678" providerId="ADAL" clId="{BCD0C6F6-2D95-4A66-B702-D3858BC1FC00}" dt="2019-09-26T09:38:21.054" v="38184"/>
          <ac:spMkLst>
            <pc:docMk/>
            <pc:sldMk cId="1279582212" sldId="257"/>
            <ac:spMk id="1354" creationId="{BCFB3C7F-6B3C-4C7D-9445-28030A1D9301}"/>
          </ac:spMkLst>
        </pc:spChg>
        <pc:spChg chg="add del mod modVis">
          <ac:chgData name="Manuel Lidauer" userId="b55e45dd-c6cc-461d-bef5-835fc172e678" providerId="ADAL" clId="{BCD0C6F6-2D95-4A66-B702-D3858BC1FC00}" dt="2019-09-26T09:38:21.055" v="38186"/>
          <ac:spMkLst>
            <pc:docMk/>
            <pc:sldMk cId="1279582212" sldId="257"/>
            <ac:spMk id="1355" creationId="{9B0B29FA-E9D0-4B50-9B92-C9057E199C2D}"/>
          </ac:spMkLst>
        </pc:spChg>
        <pc:spChg chg="add del mod modVis">
          <ac:chgData name="Manuel Lidauer" userId="b55e45dd-c6cc-461d-bef5-835fc172e678" providerId="ADAL" clId="{BCD0C6F6-2D95-4A66-B702-D3858BC1FC00}" dt="2019-09-26T09:38:21.056" v="38188"/>
          <ac:spMkLst>
            <pc:docMk/>
            <pc:sldMk cId="1279582212" sldId="257"/>
            <ac:spMk id="1356" creationId="{8142B73C-D185-4011-9318-BC1892056198}"/>
          </ac:spMkLst>
        </pc:spChg>
        <pc:spChg chg="add del mod modVis">
          <ac:chgData name="Manuel Lidauer" userId="b55e45dd-c6cc-461d-bef5-835fc172e678" providerId="ADAL" clId="{BCD0C6F6-2D95-4A66-B702-D3858BC1FC00}" dt="2019-09-26T09:38:21.056" v="38190"/>
          <ac:spMkLst>
            <pc:docMk/>
            <pc:sldMk cId="1279582212" sldId="257"/>
            <ac:spMk id="1357" creationId="{0246E34B-36B3-4C71-92DA-6E523371D9FE}"/>
          </ac:spMkLst>
        </pc:spChg>
        <pc:spChg chg="add del mod modVis">
          <ac:chgData name="Manuel Lidauer" userId="b55e45dd-c6cc-461d-bef5-835fc172e678" providerId="ADAL" clId="{BCD0C6F6-2D95-4A66-B702-D3858BC1FC00}" dt="2019-09-26T09:38:21.057" v="38192"/>
          <ac:spMkLst>
            <pc:docMk/>
            <pc:sldMk cId="1279582212" sldId="257"/>
            <ac:spMk id="1358" creationId="{64A32B23-BD2A-4AE7-8C27-5E2BF677E5D5}"/>
          </ac:spMkLst>
        </pc:spChg>
        <pc:spChg chg="add del mod modVis">
          <ac:chgData name="Manuel Lidauer" userId="b55e45dd-c6cc-461d-bef5-835fc172e678" providerId="ADAL" clId="{BCD0C6F6-2D95-4A66-B702-D3858BC1FC00}" dt="2019-09-26T09:38:21.058" v="38194"/>
          <ac:spMkLst>
            <pc:docMk/>
            <pc:sldMk cId="1279582212" sldId="257"/>
            <ac:spMk id="1359" creationId="{050D8698-37A4-462C-9F25-541B12C7FD98}"/>
          </ac:spMkLst>
        </pc:spChg>
        <pc:spChg chg="add del mod modVis">
          <ac:chgData name="Manuel Lidauer" userId="b55e45dd-c6cc-461d-bef5-835fc172e678" providerId="ADAL" clId="{BCD0C6F6-2D95-4A66-B702-D3858BC1FC00}" dt="2019-09-26T09:38:21.058" v="38196"/>
          <ac:spMkLst>
            <pc:docMk/>
            <pc:sldMk cId="1279582212" sldId="257"/>
            <ac:spMk id="1360" creationId="{A1C5A30B-23E7-4455-8608-B42776B3A3B9}"/>
          </ac:spMkLst>
        </pc:spChg>
        <pc:spChg chg="add del mod modVis">
          <ac:chgData name="Manuel Lidauer" userId="b55e45dd-c6cc-461d-bef5-835fc172e678" providerId="ADAL" clId="{BCD0C6F6-2D95-4A66-B702-D3858BC1FC00}" dt="2019-09-26T09:38:21.059" v="38198"/>
          <ac:spMkLst>
            <pc:docMk/>
            <pc:sldMk cId="1279582212" sldId="257"/>
            <ac:spMk id="1361" creationId="{DA0D34E2-49F3-4B48-ABDF-D054E011FD36}"/>
          </ac:spMkLst>
        </pc:spChg>
        <pc:spChg chg="add del mod modVis">
          <ac:chgData name="Manuel Lidauer" userId="b55e45dd-c6cc-461d-bef5-835fc172e678" providerId="ADAL" clId="{BCD0C6F6-2D95-4A66-B702-D3858BC1FC00}" dt="2019-09-26T09:38:21.059" v="38199"/>
          <ac:spMkLst>
            <pc:docMk/>
            <pc:sldMk cId="1279582212" sldId="257"/>
            <ac:spMk id="1362" creationId="{9EA5D9C3-6F42-4293-A966-C27D9DEDEBA4}"/>
          </ac:spMkLst>
        </pc:spChg>
        <pc:spChg chg="add del mod modVis">
          <ac:chgData name="Manuel Lidauer" userId="b55e45dd-c6cc-461d-bef5-835fc172e678" providerId="ADAL" clId="{BCD0C6F6-2D95-4A66-B702-D3858BC1FC00}" dt="2019-09-26T09:38:21.060" v="38201"/>
          <ac:spMkLst>
            <pc:docMk/>
            <pc:sldMk cId="1279582212" sldId="257"/>
            <ac:spMk id="1363" creationId="{0646A8CA-89F5-4F17-A88E-4120FE763E9E}"/>
          </ac:spMkLst>
        </pc:spChg>
        <pc:spChg chg="add del mod modVis">
          <ac:chgData name="Manuel Lidauer" userId="b55e45dd-c6cc-461d-bef5-835fc172e678" providerId="ADAL" clId="{BCD0C6F6-2D95-4A66-B702-D3858BC1FC00}" dt="2019-09-26T09:38:21.061" v="38203"/>
          <ac:spMkLst>
            <pc:docMk/>
            <pc:sldMk cId="1279582212" sldId="257"/>
            <ac:spMk id="1364" creationId="{D895C22D-833C-4708-B9A2-F9752E8F1553}"/>
          </ac:spMkLst>
        </pc:spChg>
        <pc:spChg chg="add del mod modVis">
          <ac:chgData name="Manuel Lidauer" userId="b55e45dd-c6cc-461d-bef5-835fc172e678" providerId="ADAL" clId="{BCD0C6F6-2D95-4A66-B702-D3858BC1FC00}" dt="2019-09-26T09:38:21.061" v="38205"/>
          <ac:spMkLst>
            <pc:docMk/>
            <pc:sldMk cId="1279582212" sldId="257"/>
            <ac:spMk id="1365" creationId="{5D4D9F41-D9AC-41D1-A349-D4747882A189}"/>
          </ac:spMkLst>
        </pc:spChg>
        <pc:spChg chg="add del mod modVis">
          <ac:chgData name="Manuel Lidauer" userId="b55e45dd-c6cc-461d-bef5-835fc172e678" providerId="ADAL" clId="{BCD0C6F6-2D95-4A66-B702-D3858BC1FC00}" dt="2019-09-26T09:38:21.062" v="38207"/>
          <ac:spMkLst>
            <pc:docMk/>
            <pc:sldMk cId="1279582212" sldId="257"/>
            <ac:spMk id="1366" creationId="{AF12F19B-A3F1-4341-A8C7-9792315281BB}"/>
          </ac:spMkLst>
        </pc:spChg>
        <pc:spChg chg="add del mod modVis">
          <ac:chgData name="Manuel Lidauer" userId="b55e45dd-c6cc-461d-bef5-835fc172e678" providerId="ADAL" clId="{BCD0C6F6-2D95-4A66-B702-D3858BC1FC00}" dt="2019-09-26T09:38:21.063" v="38209"/>
          <ac:spMkLst>
            <pc:docMk/>
            <pc:sldMk cId="1279582212" sldId="257"/>
            <ac:spMk id="1367" creationId="{EEFAF242-BFF5-4884-A16E-1628C2E96688}"/>
          </ac:spMkLst>
        </pc:spChg>
        <pc:spChg chg="add del mod modVis">
          <ac:chgData name="Manuel Lidauer" userId="b55e45dd-c6cc-461d-bef5-835fc172e678" providerId="ADAL" clId="{BCD0C6F6-2D95-4A66-B702-D3858BC1FC00}" dt="2019-09-26T09:38:21.064" v="38211"/>
          <ac:spMkLst>
            <pc:docMk/>
            <pc:sldMk cId="1279582212" sldId="257"/>
            <ac:spMk id="1368" creationId="{01994D6D-ED50-493F-A5DE-0AE005278CC0}"/>
          </ac:spMkLst>
        </pc:spChg>
        <pc:spChg chg="add del mod modVis">
          <ac:chgData name="Manuel Lidauer" userId="b55e45dd-c6cc-461d-bef5-835fc172e678" providerId="ADAL" clId="{BCD0C6F6-2D95-4A66-B702-D3858BC1FC00}" dt="2019-09-26T09:38:21.065" v="38213"/>
          <ac:spMkLst>
            <pc:docMk/>
            <pc:sldMk cId="1279582212" sldId="257"/>
            <ac:spMk id="1369" creationId="{E9220BFA-717A-4C23-90F0-DF4E8CEC1C17}"/>
          </ac:spMkLst>
        </pc:spChg>
        <pc:spChg chg="add del mod modVis">
          <ac:chgData name="Manuel Lidauer" userId="b55e45dd-c6cc-461d-bef5-835fc172e678" providerId="ADAL" clId="{BCD0C6F6-2D95-4A66-B702-D3858BC1FC00}" dt="2019-09-26T09:38:21.065" v="38214"/>
          <ac:spMkLst>
            <pc:docMk/>
            <pc:sldMk cId="1279582212" sldId="257"/>
            <ac:spMk id="1370" creationId="{4ADB3F4E-B7D2-4FC9-9C67-C5EEC99F5BFB}"/>
          </ac:spMkLst>
        </pc:spChg>
        <pc:spChg chg="add del mod modVis">
          <ac:chgData name="Manuel Lidauer" userId="b55e45dd-c6cc-461d-bef5-835fc172e678" providerId="ADAL" clId="{BCD0C6F6-2D95-4A66-B702-D3858BC1FC00}" dt="2019-09-26T09:38:21.066" v="38216"/>
          <ac:spMkLst>
            <pc:docMk/>
            <pc:sldMk cId="1279582212" sldId="257"/>
            <ac:spMk id="1371" creationId="{047055B6-194D-4F61-8988-04250B1DA247}"/>
          </ac:spMkLst>
        </pc:spChg>
        <pc:spChg chg="add del mod modVis">
          <ac:chgData name="Manuel Lidauer" userId="b55e45dd-c6cc-461d-bef5-835fc172e678" providerId="ADAL" clId="{BCD0C6F6-2D95-4A66-B702-D3858BC1FC00}" dt="2019-09-26T09:38:21.066" v="38218"/>
          <ac:spMkLst>
            <pc:docMk/>
            <pc:sldMk cId="1279582212" sldId="257"/>
            <ac:spMk id="1372" creationId="{F89CBB82-FC6E-4559-8741-DB942216C062}"/>
          </ac:spMkLst>
        </pc:spChg>
        <pc:spChg chg="add del mod modVis">
          <ac:chgData name="Manuel Lidauer" userId="b55e45dd-c6cc-461d-bef5-835fc172e678" providerId="ADAL" clId="{BCD0C6F6-2D95-4A66-B702-D3858BC1FC00}" dt="2019-09-26T09:38:21.067" v="38220"/>
          <ac:spMkLst>
            <pc:docMk/>
            <pc:sldMk cId="1279582212" sldId="257"/>
            <ac:spMk id="1373" creationId="{7EDEE6AC-E845-4CAC-A399-82DB151994EE}"/>
          </ac:spMkLst>
        </pc:spChg>
        <pc:spChg chg="add del mod modVis">
          <ac:chgData name="Manuel Lidauer" userId="b55e45dd-c6cc-461d-bef5-835fc172e678" providerId="ADAL" clId="{BCD0C6F6-2D95-4A66-B702-D3858BC1FC00}" dt="2019-09-26T09:38:21.068" v="38222"/>
          <ac:spMkLst>
            <pc:docMk/>
            <pc:sldMk cId="1279582212" sldId="257"/>
            <ac:spMk id="1374" creationId="{F526E241-97F0-4DD2-8AD7-AD4709CD3AFD}"/>
          </ac:spMkLst>
        </pc:spChg>
        <pc:spChg chg="add del mod modVis">
          <ac:chgData name="Manuel Lidauer" userId="b55e45dd-c6cc-461d-bef5-835fc172e678" providerId="ADAL" clId="{BCD0C6F6-2D95-4A66-B702-D3858BC1FC00}" dt="2019-09-26T09:38:21.068" v="38224"/>
          <ac:spMkLst>
            <pc:docMk/>
            <pc:sldMk cId="1279582212" sldId="257"/>
            <ac:spMk id="1375" creationId="{DA2AF695-E9A7-4A9B-86C0-B64BEA39E27D}"/>
          </ac:spMkLst>
        </pc:spChg>
        <pc:spChg chg="add del mod modVis">
          <ac:chgData name="Manuel Lidauer" userId="b55e45dd-c6cc-461d-bef5-835fc172e678" providerId="ADAL" clId="{BCD0C6F6-2D95-4A66-B702-D3858BC1FC00}" dt="2019-09-26T09:38:21.069" v="38226"/>
          <ac:spMkLst>
            <pc:docMk/>
            <pc:sldMk cId="1279582212" sldId="257"/>
            <ac:spMk id="1376" creationId="{E85604F5-B6AB-4BB9-9C4A-0C399723F316}"/>
          </ac:spMkLst>
        </pc:spChg>
        <pc:spChg chg="add del mod modVis">
          <ac:chgData name="Manuel Lidauer" userId="b55e45dd-c6cc-461d-bef5-835fc172e678" providerId="ADAL" clId="{BCD0C6F6-2D95-4A66-B702-D3858BC1FC00}" dt="2019-09-26T09:38:21.070" v="38228"/>
          <ac:spMkLst>
            <pc:docMk/>
            <pc:sldMk cId="1279582212" sldId="257"/>
            <ac:spMk id="1377" creationId="{F2B555FC-965B-47EF-81BB-40C8C0899238}"/>
          </ac:spMkLst>
        </pc:spChg>
        <pc:spChg chg="add del mod modVis">
          <ac:chgData name="Manuel Lidauer" userId="b55e45dd-c6cc-461d-bef5-835fc172e678" providerId="ADAL" clId="{BCD0C6F6-2D95-4A66-B702-D3858BC1FC00}" dt="2019-09-26T09:38:21.070" v="38229"/>
          <ac:spMkLst>
            <pc:docMk/>
            <pc:sldMk cId="1279582212" sldId="257"/>
            <ac:spMk id="1378" creationId="{CB612A7D-5938-4A5E-A693-F6420B4A0A08}"/>
          </ac:spMkLst>
        </pc:spChg>
        <pc:spChg chg="add del mod modVis">
          <ac:chgData name="Manuel Lidauer" userId="b55e45dd-c6cc-461d-bef5-835fc172e678" providerId="ADAL" clId="{BCD0C6F6-2D95-4A66-B702-D3858BC1FC00}" dt="2019-09-26T09:38:21.071" v="38231"/>
          <ac:spMkLst>
            <pc:docMk/>
            <pc:sldMk cId="1279582212" sldId="257"/>
            <ac:spMk id="1379" creationId="{55D894E4-B4CE-42FB-964D-E6E4E9858256}"/>
          </ac:spMkLst>
        </pc:spChg>
        <pc:spChg chg="add del mod modVis">
          <ac:chgData name="Manuel Lidauer" userId="b55e45dd-c6cc-461d-bef5-835fc172e678" providerId="ADAL" clId="{BCD0C6F6-2D95-4A66-B702-D3858BC1FC00}" dt="2019-09-26T09:38:21.072" v="38233"/>
          <ac:spMkLst>
            <pc:docMk/>
            <pc:sldMk cId="1279582212" sldId="257"/>
            <ac:spMk id="1380" creationId="{67855E57-A08F-49B3-AA1F-9A96E09C5B9F}"/>
          </ac:spMkLst>
        </pc:spChg>
        <pc:spChg chg="add del mod modVis">
          <ac:chgData name="Manuel Lidauer" userId="b55e45dd-c6cc-461d-bef5-835fc172e678" providerId="ADAL" clId="{BCD0C6F6-2D95-4A66-B702-D3858BC1FC00}" dt="2019-09-26T09:38:21.072" v="38235"/>
          <ac:spMkLst>
            <pc:docMk/>
            <pc:sldMk cId="1279582212" sldId="257"/>
            <ac:spMk id="1381" creationId="{52592198-F666-4380-B148-1492C8EB9314}"/>
          </ac:spMkLst>
        </pc:spChg>
        <pc:spChg chg="add del mod modVis">
          <ac:chgData name="Manuel Lidauer" userId="b55e45dd-c6cc-461d-bef5-835fc172e678" providerId="ADAL" clId="{BCD0C6F6-2D95-4A66-B702-D3858BC1FC00}" dt="2019-09-26T09:38:21.073" v="38237"/>
          <ac:spMkLst>
            <pc:docMk/>
            <pc:sldMk cId="1279582212" sldId="257"/>
            <ac:spMk id="1382" creationId="{7C4BB4BA-3794-49CB-8AD2-23188631B1CA}"/>
          </ac:spMkLst>
        </pc:spChg>
        <pc:spChg chg="add del mod modVis">
          <ac:chgData name="Manuel Lidauer" userId="b55e45dd-c6cc-461d-bef5-835fc172e678" providerId="ADAL" clId="{BCD0C6F6-2D95-4A66-B702-D3858BC1FC00}" dt="2019-09-26T09:38:21.073" v="38239"/>
          <ac:spMkLst>
            <pc:docMk/>
            <pc:sldMk cId="1279582212" sldId="257"/>
            <ac:spMk id="1383" creationId="{61DEC61B-DC36-4FB6-A54B-FB9D16DAC426}"/>
          </ac:spMkLst>
        </pc:spChg>
        <pc:spChg chg="add del mod modVis">
          <ac:chgData name="Manuel Lidauer" userId="b55e45dd-c6cc-461d-bef5-835fc172e678" providerId="ADAL" clId="{BCD0C6F6-2D95-4A66-B702-D3858BC1FC00}" dt="2019-09-26T09:38:21.074" v="38241"/>
          <ac:spMkLst>
            <pc:docMk/>
            <pc:sldMk cId="1279582212" sldId="257"/>
            <ac:spMk id="1384" creationId="{167398C7-DE60-405E-B291-0523DBCFA889}"/>
          </ac:spMkLst>
        </pc:spChg>
        <pc:spChg chg="add del mod modVis">
          <ac:chgData name="Manuel Lidauer" userId="b55e45dd-c6cc-461d-bef5-835fc172e678" providerId="ADAL" clId="{BCD0C6F6-2D95-4A66-B702-D3858BC1FC00}" dt="2019-09-26T09:38:21.075" v="38243"/>
          <ac:spMkLst>
            <pc:docMk/>
            <pc:sldMk cId="1279582212" sldId="257"/>
            <ac:spMk id="1385" creationId="{501D891B-D331-4EC4-A88B-366C45704BC4}"/>
          </ac:spMkLst>
        </pc:spChg>
        <pc:spChg chg="add del mod modVis">
          <ac:chgData name="Manuel Lidauer" userId="b55e45dd-c6cc-461d-bef5-835fc172e678" providerId="ADAL" clId="{BCD0C6F6-2D95-4A66-B702-D3858BC1FC00}" dt="2019-09-26T09:38:21.075" v="38244"/>
          <ac:spMkLst>
            <pc:docMk/>
            <pc:sldMk cId="1279582212" sldId="257"/>
            <ac:spMk id="1386" creationId="{3710860D-F601-4712-AEB0-FEE2311B7ED6}"/>
          </ac:spMkLst>
        </pc:spChg>
        <pc:spChg chg="add del mod modVis">
          <ac:chgData name="Manuel Lidauer" userId="b55e45dd-c6cc-461d-bef5-835fc172e678" providerId="ADAL" clId="{BCD0C6F6-2D95-4A66-B702-D3858BC1FC00}" dt="2019-09-26T09:38:21.076" v="38246"/>
          <ac:spMkLst>
            <pc:docMk/>
            <pc:sldMk cId="1279582212" sldId="257"/>
            <ac:spMk id="1387" creationId="{5AEB0A23-6EBC-4CA2-A12D-FD94BEB18B73}"/>
          </ac:spMkLst>
        </pc:spChg>
        <pc:spChg chg="add del mod modVis">
          <ac:chgData name="Manuel Lidauer" userId="b55e45dd-c6cc-461d-bef5-835fc172e678" providerId="ADAL" clId="{BCD0C6F6-2D95-4A66-B702-D3858BC1FC00}" dt="2019-09-26T09:38:21.077" v="38248"/>
          <ac:spMkLst>
            <pc:docMk/>
            <pc:sldMk cId="1279582212" sldId="257"/>
            <ac:spMk id="1388" creationId="{B9698C7F-8558-4782-81AD-3C2C3944B5C3}"/>
          </ac:spMkLst>
        </pc:spChg>
        <pc:spChg chg="add del mod modVis">
          <ac:chgData name="Manuel Lidauer" userId="b55e45dd-c6cc-461d-bef5-835fc172e678" providerId="ADAL" clId="{BCD0C6F6-2D95-4A66-B702-D3858BC1FC00}" dt="2019-09-26T09:38:21.078" v="38250"/>
          <ac:spMkLst>
            <pc:docMk/>
            <pc:sldMk cId="1279582212" sldId="257"/>
            <ac:spMk id="1389" creationId="{472EF033-CF98-48B0-BE9D-AA4E25F5B90B}"/>
          </ac:spMkLst>
        </pc:spChg>
        <pc:spChg chg="add del mod modVis">
          <ac:chgData name="Manuel Lidauer" userId="b55e45dd-c6cc-461d-bef5-835fc172e678" providerId="ADAL" clId="{BCD0C6F6-2D95-4A66-B702-D3858BC1FC00}" dt="2019-09-26T09:38:21.079" v="38252"/>
          <ac:spMkLst>
            <pc:docMk/>
            <pc:sldMk cId="1279582212" sldId="257"/>
            <ac:spMk id="1390" creationId="{B8AE057F-1938-49D1-B9FC-F72CDD4E5E24}"/>
          </ac:spMkLst>
        </pc:spChg>
        <pc:spChg chg="add del mod modVis">
          <ac:chgData name="Manuel Lidauer" userId="b55e45dd-c6cc-461d-bef5-835fc172e678" providerId="ADAL" clId="{BCD0C6F6-2D95-4A66-B702-D3858BC1FC00}" dt="2019-09-26T09:38:21.080" v="38254"/>
          <ac:spMkLst>
            <pc:docMk/>
            <pc:sldMk cId="1279582212" sldId="257"/>
            <ac:spMk id="1391" creationId="{A5FCE41D-864D-49DF-BD76-3B30D5311778}"/>
          </ac:spMkLst>
        </pc:spChg>
        <pc:spChg chg="add del mod modVis">
          <ac:chgData name="Manuel Lidauer" userId="b55e45dd-c6cc-461d-bef5-835fc172e678" providerId="ADAL" clId="{BCD0C6F6-2D95-4A66-B702-D3858BC1FC00}" dt="2019-09-26T09:38:21.081" v="38256"/>
          <ac:spMkLst>
            <pc:docMk/>
            <pc:sldMk cId="1279582212" sldId="257"/>
            <ac:spMk id="1392" creationId="{B8040736-AA6D-4C6B-AC9D-C6B1AFE66469}"/>
          </ac:spMkLst>
        </pc:spChg>
        <pc:spChg chg="add del mod modVis">
          <ac:chgData name="Manuel Lidauer" userId="b55e45dd-c6cc-461d-bef5-835fc172e678" providerId="ADAL" clId="{BCD0C6F6-2D95-4A66-B702-D3858BC1FC00}" dt="2019-09-26T09:38:21.081" v="38258"/>
          <ac:spMkLst>
            <pc:docMk/>
            <pc:sldMk cId="1279582212" sldId="257"/>
            <ac:spMk id="1393" creationId="{295066E4-A992-47F4-8ACA-1CF02741A2B7}"/>
          </ac:spMkLst>
        </pc:spChg>
        <pc:spChg chg="add del mod modVis">
          <ac:chgData name="Manuel Lidauer" userId="b55e45dd-c6cc-461d-bef5-835fc172e678" providerId="ADAL" clId="{BCD0C6F6-2D95-4A66-B702-D3858BC1FC00}" dt="2019-09-26T09:38:21.082" v="38259"/>
          <ac:spMkLst>
            <pc:docMk/>
            <pc:sldMk cId="1279582212" sldId="257"/>
            <ac:spMk id="1394" creationId="{0691145D-8E0F-49A8-B871-7351C377D177}"/>
          </ac:spMkLst>
        </pc:spChg>
        <pc:spChg chg="add del mod modVis">
          <ac:chgData name="Manuel Lidauer" userId="b55e45dd-c6cc-461d-bef5-835fc172e678" providerId="ADAL" clId="{BCD0C6F6-2D95-4A66-B702-D3858BC1FC00}" dt="2019-09-26T09:38:21.082" v="38261"/>
          <ac:spMkLst>
            <pc:docMk/>
            <pc:sldMk cId="1279582212" sldId="257"/>
            <ac:spMk id="1395" creationId="{2AD6A89F-4E4B-4BC1-9E37-C64ABAD214FE}"/>
          </ac:spMkLst>
        </pc:spChg>
        <pc:spChg chg="add del mod modVis">
          <ac:chgData name="Manuel Lidauer" userId="b55e45dd-c6cc-461d-bef5-835fc172e678" providerId="ADAL" clId="{BCD0C6F6-2D95-4A66-B702-D3858BC1FC00}" dt="2019-09-26T09:38:21.083" v="38263"/>
          <ac:spMkLst>
            <pc:docMk/>
            <pc:sldMk cId="1279582212" sldId="257"/>
            <ac:spMk id="1396" creationId="{B29F4A1D-E28D-44DD-8C75-F93E08C68BF9}"/>
          </ac:spMkLst>
        </pc:spChg>
        <pc:spChg chg="add del mod modVis">
          <ac:chgData name="Manuel Lidauer" userId="b55e45dd-c6cc-461d-bef5-835fc172e678" providerId="ADAL" clId="{BCD0C6F6-2D95-4A66-B702-D3858BC1FC00}" dt="2019-09-26T09:38:21.084" v="38265"/>
          <ac:spMkLst>
            <pc:docMk/>
            <pc:sldMk cId="1279582212" sldId="257"/>
            <ac:spMk id="1397" creationId="{5A274118-9358-4989-B19B-F8AF02A52001}"/>
          </ac:spMkLst>
        </pc:spChg>
        <pc:spChg chg="add del mod modVis">
          <ac:chgData name="Manuel Lidauer" userId="b55e45dd-c6cc-461d-bef5-835fc172e678" providerId="ADAL" clId="{BCD0C6F6-2D95-4A66-B702-D3858BC1FC00}" dt="2019-09-26T09:38:21.084" v="38267"/>
          <ac:spMkLst>
            <pc:docMk/>
            <pc:sldMk cId="1279582212" sldId="257"/>
            <ac:spMk id="1398" creationId="{F602A7F1-EFE7-47E0-9A60-73AE9184176A}"/>
          </ac:spMkLst>
        </pc:spChg>
        <pc:spChg chg="add del mod modVis">
          <ac:chgData name="Manuel Lidauer" userId="b55e45dd-c6cc-461d-bef5-835fc172e678" providerId="ADAL" clId="{BCD0C6F6-2D95-4A66-B702-D3858BC1FC00}" dt="2019-09-26T09:38:21.085" v="38269"/>
          <ac:spMkLst>
            <pc:docMk/>
            <pc:sldMk cId="1279582212" sldId="257"/>
            <ac:spMk id="1399" creationId="{7A3C5E65-C52F-4E78-9C18-4F49B7A88214}"/>
          </ac:spMkLst>
        </pc:spChg>
        <pc:spChg chg="add del mod modVis">
          <ac:chgData name="Manuel Lidauer" userId="b55e45dd-c6cc-461d-bef5-835fc172e678" providerId="ADAL" clId="{BCD0C6F6-2D95-4A66-B702-D3858BC1FC00}" dt="2019-09-26T09:38:21.086" v="38271"/>
          <ac:spMkLst>
            <pc:docMk/>
            <pc:sldMk cId="1279582212" sldId="257"/>
            <ac:spMk id="1400" creationId="{49318167-8DFA-426B-B6A5-6D0ED42D44FC}"/>
          </ac:spMkLst>
        </pc:spChg>
        <pc:spChg chg="add del mod modVis">
          <ac:chgData name="Manuel Lidauer" userId="b55e45dd-c6cc-461d-bef5-835fc172e678" providerId="ADAL" clId="{BCD0C6F6-2D95-4A66-B702-D3858BC1FC00}" dt="2019-09-26T09:38:21.086" v="38273"/>
          <ac:spMkLst>
            <pc:docMk/>
            <pc:sldMk cId="1279582212" sldId="257"/>
            <ac:spMk id="1401" creationId="{A84318CE-152F-409B-B194-BB9D6F893DF8}"/>
          </ac:spMkLst>
        </pc:spChg>
        <pc:spChg chg="add del mod modVis">
          <ac:chgData name="Manuel Lidauer" userId="b55e45dd-c6cc-461d-bef5-835fc172e678" providerId="ADAL" clId="{BCD0C6F6-2D95-4A66-B702-D3858BC1FC00}" dt="2019-09-26T09:38:21.087" v="38274"/>
          <ac:spMkLst>
            <pc:docMk/>
            <pc:sldMk cId="1279582212" sldId="257"/>
            <ac:spMk id="1402" creationId="{55B648AA-2EBE-4A3F-ACD7-EFA040220F35}"/>
          </ac:spMkLst>
        </pc:spChg>
        <pc:spChg chg="add del mod modVis">
          <ac:chgData name="Manuel Lidauer" userId="b55e45dd-c6cc-461d-bef5-835fc172e678" providerId="ADAL" clId="{BCD0C6F6-2D95-4A66-B702-D3858BC1FC00}" dt="2019-09-26T09:38:21.087" v="38276"/>
          <ac:spMkLst>
            <pc:docMk/>
            <pc:sldMk cId="1279582212" sldId="257"/>
            <ac:spMk id="1403" creationId="{0DFBAAFD-7CA4-4B6F-8D06-97BE3782E49D}"/>
          </ac:spMkLst>
        </pc:spChg>
        <pc:spChg chg="add del mod modVis">
          <ac:chgData name="Manuel Lidauer" userId="b55e45dd-c6cc-461d-bef5-835fc172e678" providerId="ADAL" clId="{BCD0C6F6-2D95-4A66-B702-D3858BC1FC00}" dt="2019-09-26T09:38:21.088" v="38278"/>
          <ac:spMkLst>
            <pc:docMk/>
            <pc:sldMk cId="1279582212" sldId="257"/>
            <ac:spMk id="1404" creationId="{496F0B5C-3372-49EE-A836-E404C7C9C0B0}"/>
          </ac:spMkLst>
        </pc:spChg>
        <pc:spChg chg="add del mod modVis">
          <ac:chgData name="Manuel Lidauer" userId="b55e45dd-c6cc-461d-bef5-835fc172e678" providerId="ADAL" clId="{BCD0C6F6-2D95-4A66-B702-D3858BC1FC00}" dt="2019-09-26T09:38:21.088" v="38280"/>
          <ac:spMkLst>
            <pc:docMk/>
            <pc:sldMk cId="1279582212" sldId="257"/>
            <ac:spMk id="1405" creationId="{2FA1A313-41BB-4E57-B843-E866B5D6FBCD}"/>
          </ac:spMkLst>
        </pc:spChg>
        <pc:spChg chg="add del mod modVis">
          <ac:chgData name="Manuel Lidauer" userId="b55e45dd-c6cc-461d-bef5-835fc172e678" providerId="ADAL" clId="{BCD0C6F6-2D95-4A66-B702-D3858BC1FC00}" dt="2019-09-26T09:38:21.089" v="38282"/>
          <ac:spMkLst>
            <pc:docMk/>
            <pc:sldMk cId="1279582212" sldId="257"/>
            <ac:spMk id="1406" creationId="{9EEF32C9-D053-4B2E-8E08-C532971930F7}"/>
          </ac:spMkLst>
        </pc:spChg>
        <pc:spChg chg="add del mod modVis">
          <ac:chgData name="Manuel Lidauer" userId="b55e45dd-c6cc-461d-bef5-835fc172e678" providerId="ADAL" clId="{BCD0C6F6-2D95-4A66-B702-D3858BC1FC00}" dt="2019-09-26T09:38:21.090" v="38284"/>
          <ac:spMkLst>
            <pc:docMk/>
            <pc:sldMk cId="1279582212" sldId="257"/>
            <ac:spMk id="1407" creationId="{46F44884-36E6-4DEA-83F8-4F812D9BC857}"/>
          </ac:spMkLst>
        </pc:spChg>
        <pc:spChg chg="add del mod modVis">
          <ac:chgData name="Manuel Lidauer" userId="b55e45dd-c6cc-461d-bef5-835fc172e678" providerId="ADAL" clId="{BCD0C6F6-2D95-4A66-B702-D3858BC1FC00}" dt="2019-09-26T09:38:21.090" v="38286"/>
          <ac:spMkLst>
            <pc:docMk/>
            <pc:sldMk cId="1279582212" sldId="257"/>
            <ac:spMk id="1408" creationId="{EED0BA1F-F0D4-4F0F-9641-DDAFA9F4A36F}"/>
          </ac:spMkLst>
        </pc:spChg>
        <pc:spChg chg="add del mod modVis">
          <ac:chgData name="Manuel Lidauer" userId="b55e45dd-c6cc-461d-bef5-835fc172e678" providerId="ADAL" clId="{BCD0C6F6-2D95-4A66-B702-D3858BC1FC00}" dt="2019-09-26T09:38:21.091" v="38288"/>
          <ac:spMkLst>
            <pc:docMk/>
            <pc:sldMk cId="1279582212" sldId="257"/>
            <ac:spMk id="1409" creationId="{6FA147AF-0BE9-4B17-BCA4-6BE7A96E8734}"/>
          </ac:spMkLst>
        </pc:spChg>
        <pc:spChg chg="add del mod modVis">
          <ac:chgData name="Manuel Lidauer" userId="b55e45dd-c6cc-461d-bef5-835fc172e678" providerId="ADAL" clId="{BCD0C6F6-2D95-4A66-B702-D3858BC1FC00}" dt="2019-09-26T09:38:21.091" v="38289"/>
          <ac:spMkLst>
            <pc:docMk/>
            <pc:sldMk cId="1279582212" sldId="257"/>
            <ac:spMk id="1410" creationId="{1DCCA886-85CE-4528-B808-6498EEEE715A}"/>
          </ac:spMkLst>
        </pc:spChg>
        <pc:spChg chg="add del mod modVis">
          <ac:chgData name="Manuel Lidauer" userId="b55e45dd-c6cc-461d-bef5-835fc172e678" providerId="ADAL" clId="{BCD0C6F6-2D95-4A66-B702-D3858BC1FC00}" dt="2019-09-26T09:38:21.092" v="38291"/>
          <ac:spMkLst>
            <pc:docMk/>
            <pc:sldMk cId="1279582212" sldId="257"/>
            <ac:spMk id="1411" creationId="{88615632-DC86-4624-904B-CD6A43EBE8D1}"/>
          </ac:spMkLst>
        </pc:spChg>
        <pc:spChg chg="add del mod modVis">
          <ac:chgData name="Manuel Lidauer" userId="b55e45dd-c6cc-461d-bef5-835fc172e678" providerId="ADAL" clId="{BCD0C6F6-2D95-4A66-B702-D3858BC1FC00}" dt="2019-09-26T09:38:21.093" v="38293"/>
          <ac:spMkLst>
            <pc:docMk/>
            <pc:sldMk cId="1279582212" sldId="257"/>
            <ac:spMk id="1412" creationId="{F77D2D4A-92A8-45DA-A3B4-1A3CDC5EFDE0}"/>
          </ac:spMkLst>
        </pc:spChg>
        <pc:spChg chg="add del mod modVis">
          <ac:chgData name="Manuel Lidauer" userId="b55e45dd-c6cc-461d-bef5-835fc172e678" providerId="ADAL" clId="{BCD0C6F6-2D95-4A66-B702-D3858BC1FC00}" dt="2019-09-26T09:38:21.093" v="38295"/>
          <ac:spMkLst>
            <pc:docMk/>
            <pc:sldMk cId="1279582212" sldId="257"/>
            <ac:spMk id="1413" creationId="{716C4A0B-5163-4D4F-BA27-BD824A80174F}"/>
          </ac:spMkLst>
        </pc:spChg>
        <pc:spChg chg="add del mod modVis">
          <ac:chgData name="Manuel Lidauer" userId="b55e45dd-c6cc-461d-bef5-835fc172e678" providerId="ADAL" clId="{BCD0C6F6-2D95-4A66-B702-D3858BC1FC00}" dt="2019-09-26T09:38:21.095" v="38297"/>
          <ac:spMkLst>
            <pc:docMk/>
            <pc:sldMk cId="1279582212" sldId="257"/>
            <ac:spMk id="1414" creationId="{97ADFE89-0335-486E-B0F5-889E7AE5AC86}"/>
          </ac:spMkLst>
        </pc:spChg>
        <pc:spChg chg="add del mod modVis">
          <ac:chgData name="Manuel Lidauer" userId="b55e45dd-c6cc-461d-bef5-835fc172e678" providerId="ADAL" clId="{BCD0C6F6-2D95-4A66-B702-D3858BC1FC00}" dt="2019-09-26T09:38:21.096" v="38299"/>
          <ac:spMkLst>
            <pc:docMk/>
            <pc:sldMk cId="1279582212" sldId="257"/>
            <ac:spMk id="1415" creationId="{6ED6E0E5-92F2-409A-AA90-BEA117871463}"/>
          </ac:spMkLst>
        </pc:spChg>
        <pc:spChg chg="add del mod modVis">
          <ac:chgData name="Manuel Lidauer" userId="b55e45dd-c6cc-461d-bef5-835fc172e678" providerId="ADAL" clId="{BCD0C6F6-2D95-4A66-B702-D3858BC1FC00}" dt="2019-09-26T09:38:21.096" v="38301"/>
          <ac:spMkLst>
            <pc:docMk/>
            <pc:sldMk cId="1279582212" sldId="257"/>
            <ac:spMk id="1416" creationId="{4354DDB1-D881-443B-BA37-F8484C2D3986}"/>
          </ac:spMkLst>
        </pc:spChg>
        <pc:spChg chg="add del mod modVis">
          <ac:chgData name="Manuel Lidauer" userId="b55e45dd-c6cc-461d-bef5-835fc172e678" providerId="ADAL" clId="{BCD0C6F6-2D95-4A66-B702-D3858BC1FC00}" dt="2019-09-26T09:38:21.097" v="38303"/>
          <ac:spMkLst>
            <pc:docMk/>
            <pc:sldMk cId="1279582212" sldId="257"/>
            <ac:spMk id="1417" creationId="{408AD965-A293-4FB2-8947-93787B8E467A}"/>
          </ac:spMkLst>
        </pc:spChg>
        <pc:spChg chg="add del mod modVis">
          <ac:chgData name="Manuel Lidauer" userId="b55e45dd-c6cc-461d-bef5-835fc172e678" providerId="ADAL" clId="{BCD0C6F6-2D95-4A66-B702-D3858BC1FC00}" dt="2019-09-26T09:38:21.097" v="38304"/>
          <ac:spMkLst>
            <pc:docMk/>
            <pc:sldMk cId="1279582212" sldId="257"/>
            <ac:spMk id="1418" creationId="{72D2C9B2-55A8-437B-9E4A-2B26118E0563}"/>
          </ac:spMkLst>
        </pc:spChg>
        <pc:spChg chg="add del mod modVis">
          <ac:chgData name="Manuel Lidauer" userId="b55e45dd-c6cc-461d-bef5-835fc172e678" providerId="ADAL" clId="{BCD0C6F6-2D95-4A66-B702-D3858BC1FC00}" dt="2019-09-26T09:38:21.098" v="38306"/>
          <ac:spMkLst>
            <pc:docMk/>
            <pc:sldMk cId="1279582212" sldId="257"/>
            <ac:spMk id="1419" creationId="{35BD985B-990D-4E24-AD6E-4C2FBD2CD4E1}"/>
          </ac:spMkLst>
        </pc:spChg>
        <pc:spChg chg="add del mod modVis">
          <ac:chgData name="Manuel Lidauer" userId="b55e45dd-c6cc-461d-bef5-835fc172e678" providerId="ADAL" clId="{BCD0C6F6-2D95-4A66-B702-D3858BC1FC00}" dt="2019-09-26T09:38:21.099" v="38308"/>
          <ac:spMkLst>
            <pc:docMk/>
            <pc:sldMk cId="1279582212" sldId="257"/>
            <ac:spMk id="1420" creationId="{6A34994A-2D4E-4530-AC10-2E98B1C0DC32}"/>
          </ac:spMkLst>
        </pc:spChg>
        <pc:spChg chg="add del mod modVis">
          <ac:chgData name="Manuel Lidauer" userId="b55e45dd-c6cc-461d-bef5-835fc172e678" providerId="ADAL" clId="{BCD0C6F6-2D95-4A66-B702-D3858BC1FC00}" dt="2019-09-26T09:38:21.100" v="38310"/>
          <ac:spMkLst>
            <pc:docMk/>
            <pc:sldMk cId="1279582212" sldId="257"/>
            <ac:spMk id="1421" creationId="{23EBDDF0-FC00-482E-8A7F-71C2093724EA}"/>
          </ac:spMkLst>
        </pc:spChg>
        <pc:spChg chg="add del mod modVis">
          <ac:chgData name="Manuel Lidauer" userId="b55e45dd-c6cc-461d-bef5-835fc172e678" providerId="ADAL" clId="{BCD0C6F6-2D95-4A66-B702-D3858BC1FC00}" dt="2019-09-26T09:38:21.100" v="38312"/>
          <ac:spMkLst>
            <pc:docMk/>
            <pc:sldMk cId="1279582212" sldId="257"/>
            <ac:spMk id="1422" creationId="{68F70717-54BC-4F2F-8F38-E1559CAF92B2}"/>
          </ac:spMkLst>
        </pc:spChg>
        <pc:spChg chg="add del mod modVis">
          <ac:chgData name="Manuel Lidauer" userId="b55e45dd-c6cc-461d-bef5-835fc172e678" providerId="ADAL" clId="{BCD0C6F6-2D95-4A66-B702-D3858BC1FC00}" dt="2019-09-26T09:38:21.101" v="38314"/>
          <ac:spMkLst>
            <pc:docMk/>
            <pc:sldMk cId="1279582212" sldId="257"/>
            <ac:spMk id="1423" creationId="{780FB7F8-2BD1-4FFE-87F6-67143E06C6E2}"/>
          </ac:spMkLst>
        </pc:spChg>
        <pc:spChg chg="add del mod modVis">
          <ac:chgData name="Manuel Lidauer" userId="b55e45dd-c6cc-461d-bef5-835fc172e678" providerId="ADAL" clId="{BCD0C6F6-2D95-4A66-B702-D3858BC1FC00}" dt="2019-09-26T09:38:21.102" v="38316"/>
          <ac:spMkLst>
            <pc:docMk/>
            <pc:sldMk cId="1279582212" sldId="257"/>
            <ac:spMk id="1424" creationId="{F8ED3488-0938-4982-BDA8-19B40CC6E817}"/>
          </ac:spMkLst>
        </pc:spChg>
        <pc:spChg chg="add del mod modVis">
          <ac:chgData name="Manuel Lidauer" userId="b55e45dd-c6cc-461d-bef5-835fc172e678" providerId="ADAL" clId="{BCD0C6F6-2D95-4A66-B702-D3858BC1FC00}" dt="2019-09-26T09:38:21.102" v="38318"/>
          <ac:spMkLst>
            <pc:docMk/>
            <pc:sldMk cId="1279582212" sldId="257"/>
            <ac:spMk id="1425" creationId="{9F0102D2-2BAB-4FD1-9F1F-3FCCB141B725}"/>
          </ac:spMkLst>
        </pc:spChg>
        <pc:spChg chg="add del mod modVis">
          <ac:chgData name="Manuel Lidauer" userId="b55e45dd-c6cc-461d-bef5-835fc172e678" providerId="ADAL" clId="{BCD0C6F6-2D95-4A66-B702-D3858BC1FC00}" dt="2019-09-26T09:45:26.531" v="50392"/>
          <ac:spMkLst>
            <pc:docMk/>
            <pc:sldMk cId="1279582212" sldId="257"/>
            <ac:spMk id="1426" creationId="{77C382D2-36CB-4F9F-903B-7CECFDC9FA66}"/>
          </ac:spMkLst>
        </pc:spChg>
        <pc:spChg chg="add del mod modVis">
          <ac:chgData name="Manuel Lidauer" userId="b55e45dd-c6cc-461d-bef5-835fc172e678" providerId="ADAL" clId="{BCD0C6F6-2D95-4A66-B702-D3858BC1FC00}" dt="2019-09-26T09:45:26.532" v="50394"/>
          <ac:spMkLst>
            <pc:docMk/>
            <pc:sldMk cId="1279582212" sldId="257"/>
            <ac:spMk id="1427" creationId="{16D46A1C-D45B-4099-BDA5-7929F79C4C3A}"/>
          </ac:spMkLst>
        </pc:spChg>
        <pc:spChg chg="add del mod modVis">
          <ac:chgData name="Manuel Lidauer" userId="b55e45dd-c6cc-461d-bef5-835fc172e678" providerId="ADAL" clId="{BCD0C6F6-2D95-4A66-B702-D3858BC1FC00}" dt="2019-09-26T09:45:26.532" v="50395"/>
          <ac:spMkLst>
            <pc:docMk/>
            <pc:sldMk cId="1279582212" sldId="257"/>
            <ac:spMk id="1428" creationId="{B2600BEA-2338-460F-ACA4-C8B55B093E10}"/>
          </ac:spMkLst>
        </pc:spChg>
        <pc:spChg chg="add del mod modVis">
          <ac:chgData name="Manuel Lidauer" userId="b55e45dd-c6cc-461d-bef5-835fc172e678" providerId="ADAL" clId="{BCD0C6F6-2D95-4A66-B702-D3858BC1FC00}" dt="2019-09-26T09:45:26.533" v="50396"/>
          <ac:spMkLst>
            <pc:docMk/>
            <pc:sldMk cId="1279582212" sldId="257"/>
            <ac:spMk id="1429" creationId="{9FCC3E4D-026A-48FF-9091-0407C69C3888}"/>
          </ac:spMkLst>
        </pc:spChg>
        <pc:spChg chg="add del mod modVis">
          <ac:chgData name="Manuel Lidauer" userId="b55e45dd-c6cc-461d-bef5-835fc172e678" providerId="ADAL" clId="{BCD0C6F6-2D95-4A66-B702-D3858BC1FC00}" dt="2019-09-26T09:45:26.533" v="50397"/>
          <ac:spMkLst>
            <pc:docMk/>
            <pc:sldMk cId="1279582212" sldId="257"/>
            <ac:spMk id="1430" creationId="{20FE5ED6-42B1-4D2E-99F2-0FD1D4A45776}"/>
          </ac:spMkLst>
        </pc:spChg>
        <pc:spChg chg="add del mod modVis">
          <ac:chgData name="Manuel Lidauer" userId="b55e45dd-c6cc-461d-bef5-835fc172e678" providerId="ADAL" clId="{BCD0C6F6-2D95-4A66-B702-D3858BC1FC00}" dt="2019-09-26T09:45:26.534" v="50399"/>
          <ac:spMkLst>
            <pc:docMk/>
            <pc:sldMk cId="1279582212" sldId="257"/>
            <ac:spMk id="1431" creationId="{414CC70B-FB9E-4BAC-B6D1-2AECBD2A5C9E}"/>
          </ac:spMkLst>
        </pc:spChg>
        <pc:spChg chg="add del mod modVis">
          <ac:chgData name="Manuel Lidauer" userId="b55e45dd-c6cc-461d-bef5-835fc172e678" providerId="ADAL" clId="{BCD0C6F6-2D95-4A66-B702-D3858BC1FC00}" dt="2019-09-26T09:45:26.535" v="50401"/>
          <ac:spMkLst>
            <pc:docMk/>
            <pc:sldMk cId="1279582212" sldId="257"/>
            <ac:spMk id="1432" creationId="{485F5B55-93CD-46C5-B6FF-19DB52BEB64E}"/>
          </ac:spMkLst>
        </pc:spChg>
        <pc:spChg chg="add del mod modVis">
          <ac:chgData name="Manuel Lidauer" userId="b55e45dd-c6cc-461d-bef5-835fc172e678" providerId="ADAL" clId="{BCD0C6F6-2D95-4A66-B702-D3858BC1FC00}" dt="2019-09-26T09:45:26.537" v="50405"/>
          <ac:spMkLst>
            <pc:docMk/>
            <pc:sldMk cId="1279582212" sldId="257"/>
            <ac:spMk id="1434" creationId="{91C59BF6-D897-452A-953C-A49F3167D65C}"/>
          </ac:spMkLst>
        </pc:spChg>
        <pc:spChg chg="add del mod modVis">
          <ac:chgData name="Manuel Lidauer" userId="b55e45dd-c6cc-461d-bef5-835fc172e678" providerId="ADAL" clId="{BCD0C6F6-2D95-4A66-B702-D3858BC1FC00}" dt="2019-09-26T09:45:26.539" v="50409"/>
          <ac:spMkLst>
            <pc:docMk/>
            <pc:sldMk cId="1279582212" sldId="257"/>
            <ac:spMk id="1436" creationId="{93EF2DA5-7E99-456A-BBB1-FDD4D8795050}"/>
          </ac:spMkLst>
        </pc:spChg>
        <pc:spChg chg="add del mod modVis">
          <ac:chgData name="Manuel Lidauer" userId="b55e45dd-c6cc-461d-bef5-835fc172e678" providerId="ADAL" clId="{BCD0C6F6-2D95-4A66-B702-D3858BC1FC00}" dt="2019-09-26T09:45:26.540" v="50413"/>
          <ac:spMkLst>
            <pc:docMk/>
            <pc:sldMk cId="1279582212" sldId="257"/>
            <ac:spMk id="1438" creationId="{96FCE199-4BD3-4E5E-9F63-1CD71AA5D218}"/>
          </ac:spMkLst>
        </pc:spChg>
        <pc:spChg chg="add del mod modVis">
          <ac:chgData name="Manuel Lidauer" userId="b55e45dd-c6cc-461d-bef5-835fc172e678" providerId="ADAL" clId="{BCD0C6F6-2D95-4A66-B702-D3858BC1FC00}" dt="2019-09-26T09:45:26.541" v="50417"/>
          <ac:spMkLst>
            <pc:docMk/>
            <pc:sldMk cId="1279582212" sldId="257"/>
            <ac:spMk id="1440" creationId="{2C7252F5-46F3-4766-BD07-B84791F66100}"/>
          </ac:spMkLst>
        </pc:spChg>
        <pc:spChg chg="add del mod modVis">
          <ac:chgData name="Manuel Lidauer" userId="b55e45dd-c6cc-461d-bef5-835fc172e678" providerId="ADAL" clId="{BCD0C6F6-2D95-4A66-B702-D3858BC1FC00}" dt="2019-09-26T09:45:26.543" v="50421"/>
          <ac:spMkLst>
            <pc:docMk/>
            <pc:sldMk cId="1279582212" sldId="257"/>
            <ac:spMk id="1442" creationId="{A11DB224-6FE3-4430-AC21-96590177AB4A}"/>
          </ac:spMkLst>
        </pc:spChg>
        <pc:spChg chg="add del mod modVis">
          <ac:chgData name="Manuel Lidauer" userId="b55e45dd-c6cc-461d-bef5-835fc172e678" providerId="ADAL" clId="{BCD0C6F6-2D95-4A66-B702-D3858BC1FC00}" dt="2019-09-26T09:45:26.544" v="50425"/>
          <ac:spMkLst>
            <pc:docMk/>
            <pc:sldMk cId="1279582212" sldId="257"/>
            <ac:spMk id="1444" creationId="{7683D718-0A69-4477-8897-1C89AF6927F4}"/>
          </ac:spMkLst>
        </pc:spChg>
        <pc:spChg chg="add del mod modVis">
          <ac:chgData name="Manuel Lidauer" userId="b55e45dd-c6cc-461d-bef5-835fc172e678" providerId="ADAL" clId="{BCD0C6F6-2D95-4A66-B702-D3858BC1FC00}" dt="2019-09-26T09:45:26.545" v="50429"/>
          <ac:spMkLst>
            <pc:docMk/>
            <pc:sldMk cId="1279582212" sldId="257"/>
            <ac:spMk id="1446" creationId="{6F2095C0-5356-4F5C-AAF1-6BB94D6378C7}"/>
          </ac:spMkLst>
        </pc:spChg>
        <pc:spChg chg="add del mod modVis">
          <ac:chgData name="Manuel Lidauer" userId="b55e45dd-c6cc-461d-bef5-835fc172e678" providerId="ADAL" clId="{BCD0C6F6-2D95-4A66-B702-D3858BC1FC00}" dt="2019-09-26T09:45:26.547" v="50433"/>
          <ac:spMkLst>
            <pc:docMk/>
            <pc:sldMk cId="1279582212" sldId="257"/>
            <ac:spMk id="1448" creationId="{D3EE9D08-977B-4C5A-8A6C-59B378881050}"/>
          </ac:spMkLst>
        </pc:spChg>
        <pc:spChg chg="add del mod modVis">
          <ac:chgData name="Manuel Lidauer" userId="b55e45dd-c6cc-461d-bef5-835fc172e678" providerId="ADAL" clId="{BCD0C6F6-2D95-4A66-B702-D3858BC1FC00}" dt="2019-09-26T09:45:26.548" v="50435"/>
          <ac:spMkLst>
            <pc:docMk/>
            <pc:sldMk cId="1279582212" sldId="257"/>
            <ac:spMk id="1489" creationId="{AF4B525C-8B63-4B54-B64A-1009EC279800}"/>
          </ac:spMkLst>
        </pc:spChg>
        <pc:spChg chg="add del mod modVis">
          <ac:chgData name="Manuel Lidauer" userId="b55e45dd-c6cc-461d-bef5-835fc172e678" providerId="ADAL" clId="{BCD0C6F6-2D95-4A66-B702-D3858BC1FC00}" dt="2019-09-26T09:45:26.548" v="50437"/>
          <ac:spMkLst>
            <pc:docMk/>
            <pc:sldMk cId="1279582212" sldId="257"/>
            <ac:spMk id="1490" creationId="{4EA54960-8754-456D-83BA-101B5C1BC038}"/>
          </ac:spMkLst>
        </pc:spChg>
        <pc:spChg chg="add del mod modVis">
          <ac:chgData name="Manuel Lidauer" userId="b55e45dd-c6cc-461d-bef5-835fc172e678" providerId="ADAL" clId="{BCD0C6F6-2D95-4A66-B702-D3858BC1FC00}" dt="2019-09-26T09:45:26.549" v="50438"/>
          <ac:spMkLst>
            <pc:docMk/>
            <pc:sldMk cId="1279582212" sldId="257"/>
            <ac:spMk id="1491" creationId="{9E356692-B02B-44DA-807B-9BB6BFFF0745}"/>
          </ac:spMkLst>
        </pc:spChg>
        <pc:spChg chg="add del mod modVis">
          <ac:chgData name="Manuel Lidauer" userId="b55e45dd-c6cc-461d-bef5-835fc172e678" providerId="ADAL" clId="{BCD0C6F6-2D95-4A66-B702-D3858BC1FC00}" dt="2019-09-26T09:45:26.549" v="50440"/>
          <ac:spMkLst>
            <pc:docMk/>
            <pc:sldMk cId="1279582212" sldId="257"/>
            <ac:spMk id="1492" creationId="{3B67BA89-3A62-4DFC-A283-BABC6692FA53}"/>
          </ac:spMkLst>
        </pc:spChg>
        <pc:spChg chg="add del mod modVis">
          <ac:chgData name="Manuel Lidauer" userId="b55e45dd-c6cc-461d-bef5-835fc172e678" providerId="ADAL" clId="{BCD0C6F6-2D95-4A66-B702-D3858BC1FC00}" dt="2019-09-26T09:45:26.551" v="50442"/>
          <ac:spMkLst>
            <pc:docMk/>
            <pc:sldMk cId="1279582212" sldId="257"/>
            <ac:spMk id="1493" creationId="{89B5BAA6-B995-4DE4-AB69-2362C652DC98}"/>
          </ac:spMkLst>
        </pc:spChg>
        <pc:spChg chg="add del mod modVis">
          <ac:chgData name="Manuel Lidauer" userId="b55e45dd-c6cc-461d-bef5-835fc172e678" providerId="ADAL" clId="{BCD0C6F6-2D95-4A66-B702-D3858BC1FC00}" dt="2019-09-26T09:45:26.551" v="50443"/>
          <ac:spMkLst>
            <pc:docMk/>
            <pc:sldMk cId="1279582212" sldId="257"/>
            <ac:spMk id="1494" creationId="{C7D07074-C9FC-488C-8F0A-B6D05A10146A}"/>
          </ac:spMkLst>
        </pc:spChg>
        <pc:spChg chg="add del mod modVis">
          <ac:chgData name="Manuel Lidauer" userId="b55e45dd-c6cc-461d-bef5-835fc172e678" providerId="ADAL" clId="{BCD0C6F6-2D95-4A66-B702-D3858BC1FC00}" dt="2019-09-26T09:45:26.552" v="50445"/>
          <ac:spMkLst>
            <pc:docMk/>
            <pc:sldMk cId="1279582212" sldId="257"/>
            <ac:spMk id="1495" creationId="{92DAF60A-B73B-4A2B-9231-E68FACF20383}"/>
          </ac:spMkLst>
        </pc:spChg>
        <pc:spChg chg="add del mod modVis">
          <ac:chgData name="Manuel Lidauer" userId="b55e45dd-c6cc-461d-bef5-835fc172e678" providerId="ADAL" clId="{BCD0C6F6-2D95-4A66-B702-D3858BC1FC00}" dt="2019-09-26T09:45:26.553" v="50447"/>
          <ac:spMkLst>
            <pc:docMk/>
            <pc:sldMk cId="1279582212" sldId="257"/>
            <ac:spMk id="1496" creationId="{9337C905-5559-4927-9416-241FF7A4D987}"/>
          </ac:spMkLst>
        </pc:spChg>
        <pc:spChg chg="add del mod modVis">
          <ac:chgData name="Manuel Lidauer" userId="b55e45dd-c6cc-461d-bef5-835fc172e678" providerId="ADAL" clId="{BCD0C6F6-2D95-4A66-B702-D3858BC1FC00}" dt="2019-09-26T09:45:26.553" v="50448"/>
          <ac:spMkLst>
            <pc:docMk/>
            <pc:sldMk cId="1279582212" sldId="257"/>
            <ac:spMk id="1497" creationId="{02881ED4-E7FB-41C7-9288-959ED7BC80EA}"/>
          </ac:spMkLst>
        </pc:spChg>
        <pc:spChg chg="add del mod modVis">
          <ac:chgData name="Manuel Lidauer" userId="b55e45dd-c6cc-461d-bef5-835fc172e678" providerId="ADAL" clId="{BCD0C6F6-2D95-4A66-B702-D3858BC1FC00}" dt="2019-09-26T09:45:26.554" v="50450"/>
          <ac:spMkLst>
            <pc:docMk/>
            <pc:sldMk cId="1279582212" sldId="257"/>
            <ac:spMk id="1498" creationId="{62C4B6C8-A6E8-45C1-931B-F31B1E431B65}"/>
          </ac:spMkLst>
        </pc:spChg>
        <pc:spChg chg="add del mod modVis">
          <ac:chgData name="Manuel Lidauer" userId="b55e45dd-c6cc-461d-bef5-835fc172e678" providerId="ADAL" clId="{BCD0C6F6-2D95-4A66-B702-D3858BC1FC00}" dt="2019-09-26T09:45:26.554" v="50452"/>
          <ac:spMkLst>
            <pc:docMk/>
            <pc:sldMk cId="1279582212" sldId="257"/>
            <ac:spMk id="1499" creationId="{4AB23D68-27C3-4224-8725-FFABF4FCA31D}"/>
          </ac:spMkLst>
        </pc:spChg>
        <pc:spChg chg="add del mod modVis">
          <ac:chgData name="Manuel Lidauer" userId="b55e45dd-c6cc-461d-bef5-835fc172e678" providerId="ADAL" clId="{BCD0C6F6-2D95-4A66-B702-D3858BC1FC00}" dt="2019-09-26T09:45:26.555" v="50453"/>
          <ac:spMkLst>
            <pc:docMk/>
            <pc:sldMk cId="1279582212" sldId="257"/>
            <ac:spMk id="1500" creationId="{C6B95E57-0787-4FFB-B78C-C2F1B815075D}"/>
          </ac:spMkLst>
        </pc:spChg>
        <pc:spChg chg="add del mod modVis">
          <ac:chgData name="Manuel Lidauer" userId="b55e45dd-c6cc-461d-bef5-835fc172e678" providerId="ADAL" clId="{BCD0C6F6-2D95-4A66-B702-D3858BC1FC00}" dt="2019-09-26T09:45:26.555" v="50455"/>
          <ac:spMkLst>
            <pc:docMk/>
            <pc:sldMk cId="1279582212" sldId="257"/>
            <ac:spMk id="1501" creationId="{4900C8ED-2699-483C-ADF9-39215C0CF50E}"/>
          </ac:spMkLst>
        </pc:spChg>
        <pc:spChg chg="add del mod modVis">
          <ac:chgData name="Manuel Lidauer" userId="b55e45dd-c6cc-461d-bef5-835fc172e678" providerId="ADAL" clId="{BCD0C6F6-2D95-4A66-B702-D3858BC1FC00}" dt="2019-09-26T09:45:26.556" v="50457"/>
          <ac:spMkLst>
            <pc:docMk/>
            <pc:sldMk cId="1279582212" sldId="257"/>
            <ac:spMk id="1502" creationId="{DA971631-EA45-4E73-BB79-A44D9784E70F}"/>
          </ac:spMkLst>
        </pc:spChg>
        <pc:spChg chg="add del mod modVis">
          <ac:chgData name="Manuel Lidauer" userId="b55e45dd-c6cc-461d-bef5-835fc172e678" providerId="ADAL" clId="{BCD0C6F6-2D95-4A66-B702-D3858BC1FC00}" dt="2019-09-26T09:45:26.557" v="50458"/>
          <ac:spMkLst>
            <pc:docMk/>
            <pc:sldMk cId="1279582212" sldId="257"/>
            <ac:spMk id="1503" creationId="{7E6518A8-FA6B-4A73-983B-26704EFC8A62}"/>
          </ac:spMkLst>
        </pc:spChg>
        <pc:spChg chg="add del mod modVis">
          <ac:chgData name="Manuel Lidauer" userId="b55e45dd-c6cc-461d-bef5-835fc172e678" providerId="ADAL" clId="{BCD0C6F6-2D95-4A66-B702-D3858BC1FC00}" dt="2019-09-26T09:45:26.557" v="50460"/>
          <ac:spMkLst>
            <pc:docMk/>
            <pc:sldMk cId="1279582212" sldId="257"/>
            <ac:spMk id="1504" creationId="{6C8C7872-A687-45EB-94A4-E570B3F9FA84}"/>
          </ac:spMkLst>
        </pc:spChg>
        <pc:spChg chg="add del mod modVis">
          <ac:chgData name="Manuel Lidauer" userId="b55e45dd-c6cc-461d-bef5-835fc172e678" providerId="ADAL" clId="{BCD0C6F6-2D95-4A66-B702-D3858BC1FC00}" dt="2019-09-26T09:45:26.558" v="50462"/>
          <ac:spMkLst>
            <pc:docMk/>
            <pc:sldMk cId="1279582212" sldId="257"/>
            <ac:spMk id="1505" creationId="{62F586E3-8BE1-426F-BA01-08B1C8C074DB}"/>
          </ac:spMkLst>
        </pc:spChg>
        <pc:spChg chg="add del mod modVis">
          <ac:chgData name="Manuel Lidauer" userId="b55e45dd-c6cc-461d-bef5-835fc172e678" providerId="ADAL" clId="{BCD0C6F6-2D95-4A66-B702-D3858BC1FC00}" dt="2019-09-26T09:45:26.558" v="50463"/>
          <ac:spMkLst>
            <pc:docMk/>
            <pc:sldMk cId="1279582212" sldId="257"/>
            <ac:spMk id="1506" creationId="{80507FD0-A07B-4B44-8251-74A81C6456EE}"/>
          </ac:spMkLst>
        </pc:spChg>
        <pc:spChg chg="add del mod modVis">
          <ac:chgData name="Manuel Lidauer" userId="b55e45dd-c6cc-461d-bef5-835fc172e678" providerId="ADAL" clId="{BCD0C6F6-2D95-4A66-B702-D3858BC1FC00}" dt="2019-09-26T09:45:26.559" v="50464"/>
          <ac:spMkLst>
            <pc:docMk/>
            <pc:sldMk cId="1279582212" sldId="257"/>
            <ac:spMk id="1507" creationId="{125B319F-4D20-4531-B66D-DA58AC0FFF33}"/>
          </ac:spMkLst>
        </pc:spChg>
        <pc:spChg chg="add del mod modVis">
          <ac:chgData name="Manuel Lidauer" userId="b55e45dd-c6cc-461d-bef5-835fc172e678" providerId="ADAL" clId="{BCD0C6F6-2D95-4A66-B702-D3858BC1FC00}" dt="2019-09-26T09:45:26.559" v="50466"/>
          <ac:spMkLst>
            <pc:docMk/>
            <pc:sldMk cId="1279582212" sldId="257"/>
            <ac:spMk id="1508" creationId="{A2068632-51F2-4917-9193-97C3B84C95ED}"/>
          </ac:spMkLst>
        </pc:spChg>
        <pc:spChg chg="add del mod modVis">
          <ac:chgData name="Manuel Lidauer" userId="b55e45dd-c6cc-461d-bef5-835fc172e678" providerId="ADAL" clId="{BCD0C6F6-2D95-4A66-B702-D3858BC1FC00}" dt="2019-09-26T09:45:26.560" v="50468"/>
          <ac:spMkLst>
            <pc:docMk/>
            <pc:sldMk cId="1279582212" sldId="257"/>
            <ac:spMk id="1509" creationId="{BCD695D3-00E1-411F-A559-F707B6ED4B34}"/>
          </ac:spMkLst>
        </pc:spChg>
        <pc:spChg chg="add del mod modVis">
          <ac:chgData name="Manuel Lidauer" userId="b55e45dd-c6cc-461d-bef5-835fc172e678" providerId="ADAL" clId="{BCD0C6F6-2D95-4A66-B702-D3858BC1FC00}" dt="2019-09-26T09:45:26.561" v="50470"/>
          <ac:spMkLst>
            <pc:docMk/>
            <pc:sldMk cId="1279582212" sldId="257"/>
            <ac:spMk id="1510" creationId="{7D9490AD-E72C-441D-975F-0511D6122D5A}"/>
          </ac:spMkLst>
        </pc:spChg>
        <pc:spChg chg="add del mod modVis">
          <ac:chgData name="Manuel Lidauer" userId="b55e45dd-c6cc-461d-bef5-835fc172e678" providerId="ADAL" clId="{BCD0C6F6-2D95-4A66-B702-D3858BC1FC00}" dt="2019-09-26T09:45:26.561" v="50472"/>
          <ac:spMkLst>
            <pc:docMk/>
            <pc:sldMk cId="1279582212" sldId="257"/>
            <ac:spMk id="1511" creationId="{C51E477E-62D5-4EEE-85BA-4C07E39812D7}"/>
          </ac:spMkLst>
        </pc:spChg>
        <pc:spChg chg="add del mod modVis">
          <ac:chgData name="Manuel Lidauer" userId="b55e45dd-c6cc-461d-bef5-835fc172e678" providerId="ADAL" clId="{BCD0C6F6-2D95-4A66-B702-D3858BC1FC00}" dt="2019-09-26T09:45:26.562" v="50474"/>
          <ac:spMkLst>
            <pc:docMk/>
            <pc:sldMk cId="1279582212" sldId="257"/>
            <ac:spMk id="1512" creationId="{0295B04B-191C-4AE7-ABFD-059A056A7D51}"/>
          </ac:spMkLst>
        </pc:spChg>
        <pc:spChg chg="add del mod modVis">
          <ac:chgData name="Manuel Lidauer" userId="b55e45dd-c6cc-461d-bef5-835fc172e678" providerId="ADAL" clId="{BCD0C6F6-2D95-4A66-B702-D3858BC1FC00}" dt="2019-09-26T09:45:26.563" v="50476"/>
          <ac:spMkLst>
            <pc:docMk/>
            <pc:sldMk cId="1279582212" sldId="257"/>
            <ac:spMk id="1513" creationId="{01D50C6D-6770-4B90-AB55-3E11A37BD4E2}"/>
          </ac:spMkLst>
        </pc:spChg>
        <pc:spChg chg="add del mod modVis">
          <ac:chgData name="Manuel Lidauer" userId="b55e45dd-c6cc-461d-bef5-835fc172e678" providerId="ADAL" clId="{BCD0C6F6-2D95-4A66-B702-D3858BC1FC00}" dt="2019-09-26T09:45:26.563" v="50478"/>
          <ac:spMkLst>
            <pc:docMk/>
            <pc:sldMk cId="1279582212" sldId="257"/>
            <ac:spMk id="1514" creationId="{64702655-5365-4C6C-8D3D-9B885A3192C7}"/>
          </ac:spMkLst>
        </pc:spChg>
        <pc:spChg chg="add del mod modVis">
          <ac:chgData name="Manuel Lidauer" userId="b55e45dd-c6cc-461d-bef5-835fc172e678" providerId="ADAL" clId="{BCD0C6F6-2D95-4A66-B702-D3858BC1FC00}" dt="2019-09-26T09:45:26.564" v="50479"/>
          <ac:spMkLst>
            <pc:docMk/>
            <pc:sldMk cId="1279582212" sldId="257"/>
            <ac:spMk id="1515" creationId="{A560A4C4-5515-40D6-BD00-29C4AEB08678}"/>
          </ac:spMkLst>
        </pc:spChg>
        <pc:spChg chg="add del mod modVis">
          <ac:chgData name="Manuel Lidauer" userId="b55e45dd-c6cc-461d-bef5-835fc172e678" providerId="ADAL" clId="{BCD0C6F6-2D95-4A66-B702-D3858BC1FC00}" dt="2019-09-26T09:45:26.564" v="50481"/>
          <ac:spMkLst>
            <pc:docMk/>
            <pc:sldMk cId="1279582212" sldId="257"/>
            <ac:spMk id="1516" creationId="{4E850869-7DAC-4FF1-8DD4-6CADA48E5D7A}"/>
          </ac:spMkLst>
        </pc:spChg>
        <pc:spChg chg="add del mod modVis">
          <ac:chgData name="Manuel Lidauer" userId="b55e45dd-c6cc-461d-bef5-835fc172e678" providerId="ADAL" clId="{BCD0C6F6-2D95-4A66-B702-D3858BC1FC00}" dt="2019-09-26T09:45:26.565" v="50483"/>
          <ac:spMkLst>
            <pc:docMk/>
            <pc:sldMk cId="1279582212" sldId="257"/>
            <ac:spMk id="1517" creationId="{C92B7C19-F086-4308-A90A-50BBBE581A19}"/>
          </ac:spMkLst>
        </pc:spChg>
        <pc:spChg chg="add del mod modVis">
          <ac:chgData name="Manuel Lidauer" userId="b55e45dd-c6cc-461d-bef5-835fc172e678" providerId="ADAL" clId="{BCD0C6F6-2D95-4A66-B702-D3858BC1FC00}" dt="2019-09-26T09:45:26.566" v="50485"/>
          <ac:spMkLst>
            <pc:docMk/>
            <pc:sldMk cId="1279582212" sldId="257"/>
            <ac:spMk id="1518" creationId="{EE7B693C-5218-49F7-A54F-B9655458E669}"/>
          </ac:spMkLst>
        </pc:spChg>
        <pc:spChg chg="add del mod modVis">
          <ac:chgData name="Manuel Lidauer" userId="b55e45dd-c6cc-461d-bef5-835fc172e678" providerId="ADAL" clId="{BCD0C6F6-2D95-4A66-B702-D3858BC1FC00}" dt="2019-09-26T09:45:26.567" v="50487"/>
          <ac:spMkLst>
            <pc:docMk/>
            <pc:sldMk cId="1279582212" sldId="257"/>
            <ac:spMk id="1519" creationId="{C681F5DE-A530-4C00-943F-3182E752ECB9}"/>
          </ac:spMkLst>
        </pc:spChg>
        <pc:spChg chg="add del mod modVis">
          <ac:chgData name="Manuel Lidauer" userId="b55e45dd-c6cc-461d-bef5-835fc172e678" providerId="ADAL" clId="{BCD0C6F6-2D95-4A66-B702-D3858BC1FC00}" dt="2019-09-26T09:45:26.567" v="50489"/>
          <ac:spMkLst>
            <pc:docMk/>
            <pc:sldMk cId="1279582212" sldId="257"/>
            <ac:spMk id="1520" creationId="{82CFA014-C3CF-45FE-B306-64986F7D8EDD}"/>
          </ac:spMkLst>
        </pc:spChg>
        <pc:spChg chg="add del mod modVis">
          <ac:chgData name="Manuel Lidauer" userId="b55e45dd-c6cc-461d-bef5-835fc172e678" providerId="ADAL" clId="{BCD0C6F6-2D95-4A66-B702-D3858BC1FC00}" dt="2019-09-26T09:45:26.568" v="50491"/>
          <ac:spMkLst>
            <pc:docMk/>
            <pc:sldMk cId="1279582212" sldId="257"/>
            <ac:spMk id="1521" creationId="{1D210537-41CA-413E-B6DD-CED645670E2E}"/>
          </ac:spMkLst>
        </pc:spChg>
        <pc:spChg chg="add del mod modVis">
          <ac:chgData name="Manuel Lidauer" userId="b55e45dd-c6cc-461d-bef5-835fc172e678" providerId="ADAL" clId="{BCD0C6F6-2D95-4A66-B702-D3858BC1FC00}" dt="2019-09-26T09:45:26.570" v="50493"/>
          <ac:spMkLst>
            <pc:docMk/>
            <pc:sldMk cId="1279582212" sldId="257"/>
            <ac:spMk id="1522" creationId="{92555C9F-FFC6-4A36-8B4B-6DC6794860C7}"/>
          </ac:spMkLst>
        </pc:spChg>
        <pc:spChg chg="add del mod modVis">
          <ac:chgData name="Manuel Lidauer" userId="b55e45dd-c6cc-461d-bef5-835fc172e678" providerId="ADAL" clId="{BCD0C6F6-2D95-4A66-B702-D3858BC1FC00}" dt="2019-09-26T09:45:26.570" v="50494"/>
          <ac:spMkLst>
            <pc:docMk/>
            <pc:sldMk cId="1279582212" sldId="257"/>
            <ac:spMk id="1523" creationId="{FFF56B32-DDAF-4077-B3D6-BF63C93FE687}"/>
          </ac:spMkLst>
        </pc:spChg>
        <pc:spChg chg="add del mod modVis">
          <ac:chgData name="Manuel Lidauer" userId="b55e45dd-c6cc-461d-bef5-835fc172e678" providerId="ADAL" clId="{BCD0C6F6-2D95-4A66-B702-D3858BC1FC00}" dt="2019-09-26T09:45:26.571" v="50496"/>
          <ac:spMkLst>
            <pc:docMk/>
            <pc:sldMk cId="1279582212" sldId="257"/>
            <ac:spMk id="1524" creationId="{B484C0E7-5AA2-46B2-A6EA-D39883B10FFA}"/>
          </ac:spMkLst>
        </pc:spChg>
        <pc:spChg chg="add del mod modVis">
          <ac:chgData name="Manuel Lidauer" userId="b55e45dd-c6cc-461d-bef5-835fc172e678" providerId="ADAL" clId="{BCD0C6F6-2D95-4A66-B702-D3858BC1FC00}" dt="2019-09-26T09:45:26.572" v="50498"/>
          <ac:spMkLst>
            <pc:docMk/>
            <pc:sldMk cId="1279582212" sldId="257"/>
            <ac:spMk id="1525" creationId="{9C6EB1AB-6CC4-4C2F-917D-AF01649DB681}"/>
          </ac:spMkLst>
        </pc:spChg>
        <pc:spChg chg="add del mod modVis">
          <ac:chgData name="Manuel Lidauer" userId="b55e45dd-c6cc-461d-bef5-835fc172e678" providerId="ADAL" clId="{BCD0C6F6-2D95-4A66-B702-D3858BC1FC00}" dt="2019-09-26T09:45:26.572" v="50500"/>
          <ac:spMkLst>
            <pc:docMk/>
            <pc:sldMk cId="1279582212" sldId="257"/>
            <ac:spMk id="1526" creationId="{3C1A4BCF-66F8-4B46-A31B-8C24C3AED4C1}"/>
          </ac:spMkLst>
        </pc:spChg>
        <pc:spChg chg="add del mod modVis">
          <ac:chgData name="Manuel Lidauer" userId="b55e45dd-c6cc-461d-bef5-835fc172e678" providerId="ADAL" clId="{BCD0C6F6-2D95-4A66-B702-D3858BC1FC00}" dt="2019-09-26T09:45:26.573" v="50502"/>
          <ac:spMkLst>
            <pc:docMk/>
            <pc:sldMk cId="1279582212" sldId="257"/>
            <ac:spMk id="1527" creationId="{303843FD-7F91-4A38-8FDF-F17E30D55E5F}"/>
          </ac:spMkLst>
        </pc:spChg>
        <pc:spChg chg="add del mod modVis">
          <ac:chgData name="Manuel Lidauer" userId="b55e45dd-c6cc-461d-bef5-835fc172e678" providerId="ADAL" clId="{BCD0C6F6-2D95-4A66-B702-D3858BC1FC00}" dt="2019-09-26T09:45:26.574" v="50504"/>
          <ac:spMkLst>
            <pc:docMk/>
            <pc:sldMk cId="1279582212" sldId="257"/>
            <ac:spMk id="1528" creationId="{B022B96E-7C0E-4892-9D8B-30A09B516084}"/>
          </ac:spMkLst>
        </pc:spChg>
        <pc:spChg chg="add del mod modVis">
          <ac:chgData name="Manuel Lidauer" userId="b55e45dd-c6cc-461d-bef5-835fc172e678" providerId="ADAL" clId="{BCD0C6F6-2D95-4A66-B702-D3858BC1FC00}" dt="2019-09-26T09:45:26.574" v="50506"/>
          <ac:spMkLst>
            <pc:docMk/>
            <pc:sldMk cId="1279582212" sldId="257"/>
            <ac:spMk id="1529" creationId="{B7D69971-8062-4C7A-9DE9-7C15BB30AA20}"/>
          </ac:spMkLst>
        </pc:spChg>
        <pc:spChg chg="add del mod modVis">
          <ac:chgData name="Manuel Lidauer" userId="b55e45dd-c6cc-461d-bef5-835fc172e678" providerId="ADAL" clId="{BCD0C6F6-2D95-4A66-B702-D3858BC1FC00}" dt="2019-09-26T09:45:26.575" v="50508"/>
          <ac:spMkLst>
            <pc:docMk/>
            <pc:sldMk cId="1279582212" sldId="257"/>
            <ac:spMk id="1530" creationId="{59C22ED9-D688-4C22-94AC-96B8FAE03A67}"/>
          </ac:spMkLst>
        </pc:spChg>
        <pc:spChg chg="add del mod modVis">
          <ac:chgData name="Manuel Lidauer" userId="b55e45dd-c6cc-461d-bef5-835fc172e678" providerId="ADAL" clId="{BCD0C6F6-2D95-4A66-B702-D3858BC1FC00}" dt="2019-09-26T09:45:26.575" v="50509"/>
          <ac:spMkLst>
            <pc:docMk/>
            <pc:sldMk cId="1279582212" sldId="257"/>
            <ac:spMk id="1531" creationId="{713CD41B-FDE2-4056-B698-5DC865A6B4A0}"/>
          </ac:spMkLst>
        </pc:spChg>
        <pc:spChg chg="add del mod modVis">
          <ac:chgData name="Manuel Lidauer" userId="b55e45dd-c6cc-461d-bef5-835fc172e678" providerId="ADAL" clId="{BCD0C6F6-2D95-4A66-B702-D3858BC1FC00}" dt="2019-09-26T09:45:26.576" v="50511"/>
          <ac:spMkLst>
            <pc:docMk/>
            <pc:sldMk cId="1279582212" sldId="257"/>
            <ac:spMk id="1532" creationId="{C118BA18-86F6-4E0E-AF1B-139B2876AA3A}"/>
          </ac:spMkLst>
        </pc:spChg>
        <pc:spChg chg="add del mod modVis">
          <ac:chgData name="Manuel Lidauer" userId="b55e45dd-c6cc-461d-bef5-835fc172e678" providerId="ADAL" clId="{BCD0C6F6-2D95-4A66-B702-D3858BC1FC00}" dt="2019-09-26T09:45:26.577" v="50513"/>
          <ac:spMkLst>
            <pc:docMk/>
            <pc:sldMk cId="1279582212" sldId="257"/>
            <ac:spMk id="1533" creationId="{B928E59B-723B-4AA9-9D00-7B98ED99ECD8}"/>
          </ac:spMkLst>
        </pc:spChg>
        <pc:spChg chg="add del mod modVis">
          <ac:chgData name="Manuel Lidauer" userId="b55e45dd-c6cc-461d-bef5-835fc172e678" providerId="ADAL" clId="{BCD0C6F6-2D95-4A66-B702-D3858BC1FC00}" dt="2019-09-26T09:45:26.577" v="50515"/>
          <ac:spMkLst>
            <pc:docMk/>
            <pc:sldMk cId="1279582212" sldId="257"/>
            <ac:spMk id="1534" creationId="{26115D6D-0272-4891-B59A-DCFF199559F8}"/>
          </ac:spMkLst>
        </pc:spChg>
        <pc:spChg chg="add del mod modVis">
          <ac:chgData name="Manuel Lidauer" userId="b55e45dd-c6cc-461d-bef5-835fc172e678" providerId="ADAL" clId="{BCD0C6F6-2D95-4A66-B702-D3858BC1FC00}" dt="2019-09-26T09:45:26.578" v="50517"/>
          <ac:spMkLst>
            <pc:docMk/>
            <pc:sldMk cId="1279582212" sldId="257"/>
            <ac:spMk id="1535" creationId="{1C4573FD-DB08-493E-B884-BC41F76D6EDB}"/>
          </ac:spMkLst>
        </pc:spChg>
        <pc:spChg chg="add del mod modVis">
          <ac:chgData name="Manuel Lidauer" userId="b55e45dd-c6cc-461d-bef5-835fc172e678" providerId="ADAL" clId="{BCD0C6F6-2D95-4A66-B702-D3858BC1FC00}" dt="2019-09-26T09:45:26.579" v="50519"/>
          <ac:spMkLst>
            <pc:docMk/>
            <pc:sldMk cId="1279582212" sldId="257"/>
            <ac:spMk id="1536" creationId="{ED7DEFB3-656A-4B6A-91EF-2BE878779F50}"/>
          </ac:spMkLst>
        </pc:spChg>
        <pc:spChg chg="add del mod modVis">
          <ac:chgData name="Manuel Lidauer" userId="b55e45dd-c6cc-461d-bef5-835fc172e678" providerId="ADAL" clId="{BCD0C6F6-2D95-4A66-B702-D3858BC1FC00}" dt="2019-09-26T09:45:26.579" v="50521"/>
          <ac:spMkLst>
            <pc:docMk/>
            <pc:sldMk cId="1279582212" sldId="257"/>
            <ac:spMk id="1537" creationId="{AD44F0F6-FE66-43A6-BA3B-A371E31EED66}"/>
          </ac:spMkLst>
        </pc:spChg>
        <pc:spChg chg="add del mod modVis">
          <ac:chgData name="Manuel Lidauer" userId="b55e45dd-c6cc-461d-bef5-835fc172e678" providerId="ADAL" clId="{BCD0C6F6-2D95-4A66-B702-D3858BC1FC00}" dt="2019-09-26T09:45:26.580" v="50523"/>
          <ac:spMkLst>
            <pc:docMk/>
            <pc:sldMk cId="1279582212" sldId="257"/>
            <ac:spMk id="1538" creationId="{3DB90E4D-11D4-4AA4-8DBA-B4C54CEA08F9}"/>
          </ac:spMkLst>
        </pc:spChg>
        <pc:spChg chg="add del mod modVis">
          <ac:chgData name="Manuel Lidauer" userId="b55e45dd-c6cc-461d-bef5-835fc172e678" providerId="ADAL" clId="{BCD0C6F6-2D95-4A66-B702-D3858BC1FC00}" dt="2019-09-26T09:45:26.581" v="50524"/>
          <ac:spMkLst>
            <pc:docMk/>
            <pc:sldMk cId="1279582212" sldId="257"/>
            <ac:spMk id="1539" creationId="{5B3B08F4-F32C-4551-B6E1-372D6DA83F50}"/>
          </ac:spMkLst>
        </pc:spChg>
        <pc:spChg chg="add del mod modVis">
          <ac:chgData name="Manuel Lidauer" userId="b55e45dd-c6cc-461d-bef5-835fc172e678" providerId="ADAL" clId="{BCD0C6F6-2D95-4A66-B702-D3858BC1FC00}" dt="2019-09-26T09:45:26.581" v="50526"/>
          <ac:spMkLst>
            <pc:docMk/>
            <pc:sldMk cId="1279582212" sldId="257"/>
            <ac:spMk id="1540" creationId="{BA2B3430-69EF-43F8-8160-A2B4B081620E}"/>
          </ac:spMkLst>
        </pc:spChg>
        <pc:spChg chg="add del mod modVis">
          <ac:chgData name="Manuel Lidauer" userId="b55e45dd-c6cc-461d-bef5-835fc172e678" providerId="ADAL" clId="{BCD0C6F6-2D95-4A66-B702-D3858BC1FC00}" dt="2019-09-26T09:45:26.582" v="50528"/>
          <ac:spMkLst>
            <pc:docMk/>
            <pc:sldMk cId="1279582212" sldId="257"/>
            <ac:spMk id="1541" creationId="{5F9D39C4-FA1D-4235-A58A-5B844FB05FC9}"/>
          </ac:spMkLst>
        </pc:spChg>
        <pc:spChg chg="add del mod modVis">
          <ac:chgData name="Manuel Lidauer" userId="b55e45dd-c6cc-461d-bef5-835fc172e678" providerId="ADAL" clId="{BCD0C6F6-2D95-4A66-B702-D3858BC1FC00}" dt="2019-09-26T09:45:26.583" v="50530"/>
          <ac:spMkLst>
            <pc:docMk/>
            <pc:sldMk cId="1279582212" sldId="257"/>
            <ac:spMk id="1542" creationId="{3E73399B-9912-45A3-A6B0-745D3E4B45B8}"/>
          </ac:spMkLst>
        </pc:spChg>
        <pc:spChg chg="add del mod modVis">
          <ac:chgData name="Manuel Lidauer" userId="b55e45dd-c6cc-461d-bef5-835fc172e678" providerId="ADAL" clId="{BCD0C6F6-2D95-4A66-B702-D3858BC1FC00}" dt="2019-09-26T09:45:26.583" v="50532"/>
          <ac:spMkLst>
            <pc:docMk/>
            <pc:sldMk cId="1279582212" sldId="257"/>
            <ac:spMk id="1543" creationId="{CCAC46E5-98F4-4C46-A974-5E892B0E9BDF}"/>
          </ac:spMkLst>
        </pc:spChg>
        <pc:spChg chg="add del mod modVis">
          <ac:chgData name="Manuel Lidauer" userId="b55e45dd-c6cc-461d-bef5-835fc172e678" providerId="ADAL" clId="{BCD0C6F6-2D95-4A66-B702-D3858BC1FC00}" dt="2019-09-26T09:45:26.584" v="50534"/>
          <ac:spMkLst>
            <pc:docMk/>
            <pc:sldMk cId="1279582212" sldId="257"/>
            <ac:spMk id="1544" creationId="{445D1E55-38E3-4F83-A0D0-3C83769DC622}"/>
          </ac:spMkLst>
        </pc:spChg>
        <pc:spChg chg="add del mod modVis">
          <ac:chgData name="Manuel Lidauer" userId="b55e45dd-c6cc-461d-bef5-835fc172e678" providerId="ADAL" clId="{BCD0C6F6-2D95-4A66-B702-D3858BC1FC00}" dt="2019-09-26T09:45:26.585" v="50536"/>
          <ac:spMkLst>
            <pc:docMk/>
            <pc:sldMk cId="1279582212" sldId="257"/>
            <ac:spMk id="1545" creationId="{09AC7FF3-9151-44F9-81BE-83AC0DD071DE}"/>
          </ac:spMkLst>
        </pc:spChg>
        <pc:spChg chg="add del mod modVis">
          <ac:chgData name="Manuel Lidauer" userId="b55e45dd-c6cc-461d-bef5-835fc172e678" providerId="ADAL" clId="{BCD0C6F6-2D95-4A66-B702-D3858BC1FC00}" dt="2019-09-26T09:45:26.586" v="50538"/>
          <ac:spMkLst>
            <pc:docMk/>
            <pc:sldMk cId="1279582212" sldId="257"/>
            <ac:spMk id="1546" creationId="{74940FB4-DFE9-4564-804C-7CBFCFB57C68}"/>
          </ac:spMkLst>
        </pc:spChg>
        <pc:spChg chg="add del mod modVis">
          <ac:chgData name="Manuel Lidauer" userId="b55e45dd-c6cc-461d-bef5-835fc172e678" providerId="ADAL" clId="{BCD0C6F6-2D95-4A66-B702-D3858BC1FC00}" dt="2019-09-26T09:45:26.587" v="50539"/>
          <ac:spMkLst>
            <pc:docMk/>
            <pc:sldMk cId="1279582212" sldId="257"/>
            <ac:spMk id="1547" creationId="{4F8409E3-38C5-4F9F-874E-FED4AD958C3F}"/>
          </ac:spMkLst>
        </pc:spChg>
        <pc:spChg chg="add del mod modVis">
          <ac:chgData name="Manuel Lidauer" userId="b55e45dd-c6cc-461d-bef5-835fc172e678" providerId="ADAL" clId="{BCD0C6F6-2D95-4A66-B702-D3858BC1FC00}" dt="2019-09-26T09:45:26.588" v="50541"/>
          <ac:spMkLst>
            <pc:docMk/>
            <pc:sldMk cId="1279582212" sldId="257"/>
            <ac:spMk id="1548" creationId="{4BEB37E4-DF61-4975-AC25-D30CBFE50A42}"/>
          </ac:spMkLst>
        </pc:spChg>
        <pc:spChg chg="add del mod modVis">
          <ac:chgData name="Manuel Lidauer" userId="b55e45dd-c6cc-461d-bef5-835fc172e678" providerId="ADAL" clId="{BCD0C6F6-2D95-4A66-B702-D3858BC1FC00}" dt="2019-09-26T09:45:26.588" v="50543"/>
          <ac:spMkLst>
            <pc:docMk/>
            <pc:sldMk cId="1279582212" sldId="257"/>
            <ac:spMk id="1549" creationId="{1D6E4AFD-E65D-4E19-9044-C6F0BA5912F0}"/>
          </ac:spMkLst>
        </pc:spChg>
        <pc:spChg chg="add del mod modVis">
          <ac:chgData name="Manuel Lidauer" userId="b55e45dd-c6cc-461d-bef5-835fc172e678" providerId="ADAL" clId="{BCD0C6F6-2D95-4A66-B702-D3858BC1FC00}" dt="2019-09-26T09:45:26.589" v="50545"/>
          <ac:spMkLst>
            <pc:docMk/>
            <pc:sldMk cId="1279582212" sldId="257"/>
            <ac:spMk id="1550" creationId="{FC05B741-9894-4FEE-9371-9C0B12DB49F8}"/>
          </ac:spMkLst>
        </pc:spChg>
        <pc:spChg chg="add del mod modVis">
          <ac:chgData name="Manuel Lidauer" userId="b55e45dd-c6cc-461d-bef5-835fc172e678" providerId="ADAL" clId="{BCD0C6F6-2D95-4A66-B702-D3858BC1FC00}" dt="2019-09-26T09:45:26.590" v="50547"/>
          <ac:spMkLst>
            <pc:docMk/>
            <pc:sldMk cId="1279582212" sldId="257"/>
            <ac:spMk id="1551" creationId="{7DCAB251-9BBE-4813-A2CA-ADE0DF769C62}"/>
          </ac:spMkLst>
        </pc:spChg>
        <pc:spChg chg="add del mod modVis">
          <ac:chgData name="Manuel Lidauer" userId="b55e45dd-c6cc-461d-bef5-835fc172e678" providerId="ADAL" clId="{BCD0C6F6-2D95-4A66-B702-D3858BC1FC00}" dt="2019-09-26T09:45:26.590" v="50549"/>
          <ac:spMkLst>
            <pc:docMk/>
            <pc:sldMk cId="1279582212" sldId="257"/>
            <ac:spMk id="1552" creationId="{9D1ADFF3-D410-43D4-A967-D5BCF39D79F9}"/>
          </ac:spMkLst>
        </pc:spChg>
        <pc:spChg chg="add del mod modVis">
          <ac:chgData name="Manuel Lidauer" userId="b55e45dd-c6cc-461d-bef5-835fc172e678" providerId="ADAL" clId="{BCD0C6F6-2D95-4A66-B702-D3858BC1FC00}" dt="2019-09-26T09:45:26.591" v="50551"/>
          <ac:spMkLst>
            <pc:docMk/>
            <pc:sldMk cId="1279582212" sldId="257"/>
            <ac:spMk id="1553" creationId="{60FBE337-765F-4CB2-9B5E-34E42EF734BE}"/>
          </ac:spMkLst>
        </pc:spChg>
        <pc:spChg chg="add del mod modVis">
          <ac:chgData name="Manuel Lidauer" userId="b55e45dd-c6cc-461d-bef5-835fc172e678" providerId="ADAL" clId="{BCD0C6F6-2D95-4A66-B702-D3858BC1FC00}" dt="2019-09-26T09:45:26.592" v="50553"/>
          <ac:spMkLst>
            <pc:docMk/>
            <pc:sldMk cId="1279582212" sldId="257"/>
            <ac:spMk id="1554" creationId="{5C0348E4-25CF-4160-AC4E-8ECD8C0A2E2D}"/>
          </ac:spMkLst>
        </pc:spChg>
        <pc:spChg chg="add del mod modVis">
          <ac:chgData name="Manuel Lidauer" userId="b55e45dd-c6cc-461d-bef5-835fc172e678" providerId="ADAL" clId="{BCD0C6F6-2D95-4A66-B702-D3858BC1FC00}" dt="2019-09-26T09:45:26.592" v="50554"/>
          <ac:spMkLst>
            <pc:docMk/>
            <pc:sldMk cId="1279582212" sldId="257"/>
            <ac:spMk id="1555" creationId="{390DDD4F-9A42-4A03-BEEC-8744139FB2FF}"/>
          </ac:spMkLst>
        </pc:spChg>
        <pc:spChg chg="add del mod modVis">
          <ac:chgData name="Manuel Lidauer" userId="b55e45dd-c6cc-461d-bef5-835fc172e678" providerId="ADAL" clId="{BCD0C6F6-2D95-4A66-B702-D3858BC1FC00}" dt="2019-09-26T09:45:26.593" v="50556"/>
          <ac:spMkLst>
            <pc:docMk/>
            <pc:sldMk cId="1279582212" sldId="257"/>
            <ac:spMk id="1556" creationId="{49AAE1B2-EBD0-4B9E-946E-41B5BE7CFBAB}"/>
          </ac:spMkLst>
        </pc:spChg>
        <pc:spChg chg="add del mod modVis">
          <ac:chgData name="Manuel Lidauer" userId="b55e45dd-c6cc-461d-bef5-835fc172e678" providerId="ADAL" clId="{BCD0C6F6-2D95-4A66-B702-D3858BC1FC00}" dt="2019-09-26T09:45:26.593" v="50558"/>
          <ac:spMkLst>
            <pc:docMk/>
            <pc:sldMk cId="1279582212" sldId="257"/>
            <ac:spMk id="1557" creationId="{73D1E679-4A7B-4A46-89CB-2E96E35A8373}"/>
          </ac:spMkLst>
        </pc:spChg>
        <pc:spChg chg="add del mod modVis">
          <ac:chgData name="Manuel Lidauer" userId="b55e45dd-c6cc-461d-bef5-835fc172e678" providerId="ADAL" clId="{BCD0C6F6-2D95-4A66-B702-D3858BC1FC00}" dt="2019-09-26T09:45:26.594" v="50560"/>
          <ac:spMkLst>
            <pc:docMk/>
            <pc:sldMk cId="1279582212" sldId="257"/>
            <ac:spMk id="1558" creationId="{51923EC9-C6A3-420E-89F2-5266F4CCF5AE}"/>
          </ac:spMkLst>
        </pc:spChg>
        <pc:spChg chg="add del mod modVis">
          <ac:chgData name="Manuel Lidauer" userId="b55e45dd-c6cc-461d-bef5-835fc172e678" providerId="ADAL" clId="{BCD0C6F6-2D95-4A66-B702-D3858BC1FC00}" dt="2019-09-26T09:45:26.595" v="50562"/>
          <ac:spMkLst>
            <pc:docMk/>
            <pc:sldMk cId="1279582212" sldId="257"/>
            <ac:spMk id="1559" creationId="{DA0F25FE-6822-41B9-8D0D-6CE4140190F8}"/>
          </ac:spMkLst>
        </pc:spChg>
        <pc:spChg chg="add del mod modVis">
          <ac:chgData name="Manuel Lidauer" userId="b55e45dd-c6cc-461d-bef5-835fc172e678" providerId="ADAL" clId="{BCD0C6F6-2D95-4A66-B702-D3858BC1FC00}" dt="2019-09-26T09:45:26.595" v="50564"/>
          <ac:spMkLst>
            <pc:docMk/>
            <pc:sldMk cId="1279582212" sldId="257"/>
            <ac:spMk id="1560" creationId="{E80B96B8-BBE0-4E4D-AF4B-407363FE4815}"/>
          </ac:spMkLst>
        </pc:spChg>
        <pc:spChg chg="add del mod modVis">
          <ac:chgData name="Manuel Lidauer" userId="b55e45dd-c6cc-461d-bef5-835fc172e678" providerId="ADAL" clId="{BCD0C6F6-2D95-4A66-B702-D3858BC1FC00}" dt="2019-09-26T09:45:26.596" v="50566"/>
          <ac:spMkLst>
            <pc:docMk/>
            <pc:sldMk cId="1279582212" sldId="257"/>
            <ac:spMk id="1561" creationId="{1AA70E8C-6B32-4E7E-B635-278DD398592E}"/>
          </ac:spMkLst>
        </pc:spChg>
        <pc:spChg chg="add del mod modVis">
          <ac:chgData name="Manuel Lidauer" userId="b55e45dd-c6cc-461d-bef5-835fc172e678" providerId="ADAL" clId="{BCD0C6F6-2D95-4A66-B702-D3858BC1FC00}" dt="2019-09-26T09:45:26.597" v="50568"/>
          <ac:spMkLst>
            <pc:docMk/>
            <pc:sldMk cId="1279582212" sldId="257"/>
            <ac:spMk id="1562" creationId="{3F9ED9DE-7D6C-4D9B-9035-E23958D00BCD}"/>
          </ac:spMkLst>
        </pc:spChg>
        <pc:spChg chg="add del mod modVis">
          <ac:chgData name="Manuel Lidauer" userId="b55e45dd-c6cc-461d-bef5-835fc172e678" providerId="ADAL" clId="{BCD0C6F6-2D95-4A66-B702-D3858BC1FC00}" dt="2019-09-26T09:45:26.597" v="50569"/>
          <ac:spMkLst>
            <pc:docMk/>
            <pc:sldMk cId="1279582212" sldId="257"/>
            <ac:spMk id="1563" creationId="{B6B3CC79-E698-4A7A-BACA-DF67698DFF97}"/>
          </ac:spMkLst>
        </pc:spChg>
        <pc:spChg chg="add del mod modVis">
          <ac:chgData name="Manuel Lidauer" userId="b55e45dd-c6cc-461d-bef5-835fc172e678" providerId="ADAL" clId="{BCD0C6F6-2D95-4A66-B702-D3858BC1FC00}" dt="2019-09-26T09:45:26.598" v="50571"/>
          <ac:spMkLst>
            <pc:docMk/>
            <pc:sldMk cId="1279582212" sldId="257"/>
            <ac:spMk id="1564" creationId="{AC1ED4E9-8927-4C38-8338-83E22C769E2F}"/>
          </ac:spMkLst>
        </pc:spChg>
        <pc:spChg chg="add del mod modVis">
          <ac:chgData name="Manuel Lidauer" userId="b55e45dd-c6cc-461d-bef5-835fc172e678" providerId="ADAL" clId="{BCD0C6F6-2D95-4A66-B702-D3858BC1FC00}" dt="2019-09-26T09:45:26.598" v="50573"/>
          <ac:spMkLst>
            <pc:docMk/>
            <pc:sldMk cId="1279582212" sldId="257"/>
            <ac:spMk id="1565" creationId="{CB46E2CB-709D-4C8C-863F-F6F628F65AFB}"/>
          </ac:spMkLst>
        </pc:spChg>
        <pc:spChg chg="add del mod modVis">
          <ac:chgData name="Manuel Lidauer" userId="b55e45dd-c6cc-461d-bef5-835fc172e678" providerId="ADAL" clId="{BCD0C6F6-2D95-4A66-B702-D3858BC1FC00}" dt="2019-09-26T09:45:26.599" v="50575"/>
          <ac:spMkLst>
            <pc:docMk/>
            <pc:sldMk cId="1279582212" sldId="257"/>
            <ac:spMk id="1566" creationId="{9556BA47-A2BD-46CE-B1FA-9E6012F1B35F}"/>
          </ac:spMkLst>
        </pc:spChg>
        <pc:spChg chg="add del mod modVis">
          <ac:chgData name="Manuel Lidauer" userId="b55e45dd-c6cc-461d-bef5-835fc172e678" providerId="ADAL" clId="{BCD0C6F6-2D95-4A66-B702-D3858BC1FC00}" dt="2019-09-26T09:45:26.601" v="50577"/>
          <ac:spMkLst>
            <pc:docMk/>
            <pc:sldMk cId="1279582212" sldId="257"/>
            <ac:spMk id="1567" creationId="{66CBB7B1-E31D-4C16-A63F-0F29867E0B5F}"/>
          </ac:spMkLst>
        </pc:spChg>
        <pc:spChg chg="add del mod modVis">
          <ac:chgData name="Manuel Lidauer" userId="b55e45dd-c6cc-461d-bef5-835fc172e678" providerId="ADAL" clId="{BCD0C6F6-2D95-4A66-B702-D3858BC1FC00}" dt="2019-09-26T09:45:26.602" v="50579"/>
          <ac:spMkLst>
            <pc:docMk/>
            <pc:sldMk cId="1279582212" sldId="257"/>
            <ac:spMk id="1568" creationId="{271D9E7D-2686-45B9-8E1D-5E7BAC1A472A}"/>
          </ac:spMkLst>
        </pc:spChg>
        <pc:spChg chg="add del mod modVis">
          <ac:chgData name="Manuel Lidauer" userId="b55e45dd-c6cc-461d-bef5-835fc172e678" providerId="ADAL" clId="{BCD0C6F6-2D95-4A66-B702-D3858BC1FC00}" dt="2019-09-26T09:45:26.603" v="50581"/>
          <ac:spMkLst>
            <pc:docMk/>
            <pc:sldMk cId="1279582212" sldId="257"/>
            <ac:spMk id="1569" creationId="{47EF013A-211E-40C3-BC25-A31B540E3F66}"/>
          </ac:spMkLst>
        </pc:spChg>
        <pc:spChg chg="add del mod modVis">
          <ac:chgData name="Manuel Lidauer" userId="b55e45dd-c6cc-461d-bef5-835fc172e678" providerId="ADAL" clId="{BCD0C6F6-2D95-4A66-B702-D3858BC1FC00}" dt="2019-09-26T09:45:26.603" v="50583"/>
          <ac:spMkLst>
            <pc:docMk/>
            <pc:sldMk cId="1279582212" sldId="257"/>
            <ac:spMk id="1570" creationId="{D16AFE5D-EC1C-40C4-9889-DB37EAAEA359}"/>
          </ac:spMkLst>
        </pc:spChg>
        <pc:spChg chg="add del mod modVis">
          <ac:chgData name="Manuel Lidauer" userId="b55e45dd-c6cc-461d-bef5-835fc172e678" providerId="ADAL" clId="{BCD0C6F6-2D95-4A66-B702-D3858BC1FC00}" dt="2019-09-26T09:45:26.604" v="50584"/>
          <ac:spMkLst>
            <pc:docMk/>
            <pc:sldMk cId="1279582212" sldId="257"/>
            <ac:spMk id="1571" creationId="{F92E8824-0C7A-4417-BA71-F3A7C1279D38}"/>
          </ac:spMkLst>
        </pc:spChg>
        <pc:spChg chg="add del mod modVis">
          <ac:chgData name="Manuel Lidauer" userId="b55e45dd-c6cc-461d-bef5-835fc172e678" providerId="ADAL" clId="{BCD0C6F6-2D95-4A66-B702-D3858BC1FC00}" dt="2019-09-26T09:45:26.604" v="50586"/>
          <ac:spMkLst>
            <pc:docMk/>
            <pc:sldMk cId="1279582212" sldId="257"/>
            <ac:spMk id="1572" creationId="{C4A02F19-14E6-465D-A949-642A0A3BCB53}"/>
          </ac:spMkLst>
        </pc:spChg>
        <pc:spChg chg="add del mod modVis">
          <ac:chgData name="Manuel Lidauer" userId="b55e45dd-c6cc-461d-bef5-835fc172e678" providerId="ADAL" clId="{BCD0C6F6-2D95-4A66-B702-D3858BC1FC00}" dt="2019-09-26T09:45:26.605" v="50588"/>
          <ac:spMkLst>
            <pc:docMk/>
            <pc:sldMk cId="1279582212" sldId="257"/>
            <ac:spMk id="1573" creationId="{CFFCF2D0-5C6D-4CEC-AC17-543664081A61}"/>
          </ac:spMkLst>
        </pc:spChg>
        <pc:spChg chg="add del mod modVis">
          <ac:chgData name="Manuel Lidauer" userId="b55e45dd-c6cc-461d-bef5-835fc172e678" providerId="ADAL" clId="{BCD0C6F6-2D95-4A66-B702-D3858BC1FC00}" dt="2019-09-26T09:45:26.606" v="50590"/>
          <ac:spMkLst>
            <pc:docMk/>
            <pc:sldMk cId="1279582212" sldId="257"/>
            <ac:spMk id="1574" creationId="{4F6F8A06-FA27-4A9B-9C54-7352BC56A0DB}"/>
          </ac:spMkLst>
        </pc:spChg>
        <pc:spChg chg="add del mod modVis">
          <ac:chgData name="Manuel Lidauer" userId="b55e45dd-c6cc-461d-bef5-835fc172e678" providerId="ADAL" clId="{BCD0C6F6-2D95-4A66-B702-D3858BC1FC00}" dt="2019-09-26T09:45:26.607" v="50592"/>
          <ac:spMkLst>
            <pc:docMk/>
            <pc:sldMk cId="1279582212" sldId="257"/>
            <ac:spMk id="1575" creationId="{D380D1E6-B1F1-4CC3-AC8F-C1F0E639C05A}"/>
          </ac:spMkLst>
        </pc:spChg>
        <pc:spChg chg="add del mod modVis">
          <ac:chgData name="Manuel Lidauer" userId="b55e45dd-c6cc-461d-bef5-835fc172e678" providerId="ADAL" clId="{BCD0C6F6-2D95-4A66-B702-D3858BC1FC00}" dt="2019-09-26T09:45:26.607" v="50594"/>
          <ac:spMkLst>
            <pc:docMk/>
            <pc:sldMk cId="1279582212" sldId="257"/>
            <ac:spMk id="1576" creationId="{3A803083-C07A-4DCB-98F7-A31F72F41C22}"/>
          </ac:spMkLst>
        </pc:spChg>
        <pc:spChg chg="add del mod modVis">
          <ac:chgData name="Manuel Lidauer" userId="b55e45dd-c6cc-461d-bef5-835fc172e678" providerId="ADAL" clId="{BCD0C6F6-2D95-4A66-B702-D3858BC1FC00}" dt="2019-09-26T09:45:26.608" v="50596"/>
          <ac:spMkLst>
            <pc:docMk/>
            <pc:sldMk cId="1279582212" sldId="257"/>
            <ac:spMk id="1577" creationId="{E3958E50-5659-41DA-8B89-11909FC7611C}"/>
          </ac:spMkLst>
        </pc:spChg>
        <pc:spChg chg="add del mod modVis">
          <ac:chgData name="Manuel Lidauer" userId="b55e45dd-c6cc-461d-bef5-835fc172e678" providerId="ADAL" clId="{BCD0C6F6-2D95-4A66-B702-D3858BC1FC00}" dt="2019-09-26T09:45:26.608" v="50598"/>
          <ac:spMkLst>
            <pc:docMk/>
            <pc:sldMk cId="1279582212" sldId="257"/>
            <ac:spMk id="1578" creationId="{CFCC72AA-FB68-4ADD-A310-CD3F6C465404}"/>
          </ac:spMkLst>
        </pc:spChg>
        <pc:spChg chg="add del mod modVis">
          <ac:chgData name="Manuel Lidauer" userId="b55e45dd-c6cc-461d-bef5-835fc172e678" providerId="ADAL" clId="{BCD0C6F6-2D95-4A66-B702-D3858BC1FC00}" dt="2019-09-26T09:45:26.609" v="50599"/>
          <ac:spMkLst>
            <pc:docMk/>
            <pc:sldMk cId="1279582212" sldId="257"/>
            <ac:spMk id="1579" creationId="{4B842673-504E-495A-BED7-2FA884F90226}"/>
          </ac:spMkLst>
        </pc:spChg>
        <pc:spChg chg="add del mod modVis">
          <ac:chgData name="Manuel Lidauer" userId="b55e45dd-c6cc-461d-bef5-835fc172e678" providerId="ADAL" clId="{BCD0C6F6-2D95-4A66-B702-D3858BC1FC00}" dt="2019-09-26T09:45:26.610" v="50601"/>
          <ac:spMkLst>
            <pc:docMk/>
            <pc:sldMk cId="1279582212" sldId="257"/>
            <ac:spMk id="1580" creationId="{F7C20CDA-A916-4D09-8779-851C87EBBF71}"/>
          </ac:spMkLst>
        </pc:spChg>
        <pc:spChg chg="add del mod modVis">
          <ac:chgData name="Manuel Lidauer" userId="b55e45dd-c6cc-461d-bef5-835fc172e678" providerId="ADAL" clId="{BCD0C6F6-2D95-4A66-B702-D3858BC1FC00}" dt="2019-09-26T09:45:26.610" v="50603"/>
          <ac:spMkLst>
            <pc:docMk/>
            <pc:sldMk cId="1279582212" sldId="257"/>
            <ac:spMk id="1581" creationId="{B2A22A21-35D7-4577-8512-6F0BFA6AB4D8}"/>
          </ac:spMkLst>
        </pc:spChg>
        <pc:spChg chg="add del mod modVis">
          <ac:chgData name="Manuel Lidauer" userId="b55e45dd-c6cc-461d-bef5-835fc172e678" providerId="ADAL" clId="{BCD0C6F6-2D95-4A66-B702-D3858BC1FC00}" dt="2019-09-26T09:45:26.611" v="50605"/>
          <ac:spMkLst>
            <pc:docMk/>
            <pc:sldMk cId="1279582212" sldId="257"/>
            <ac:spMk id="1582" creationId="{CA4BACFB-10F8-4E57-92EC-8B9D3420F756}"/>
          </ac:spMkLst>
        </pc:spChg>
        <pc:spChg chg="add del mod modVis">
          <ac:chgData name="Manuel Lidauer" userId="b55e45dd-c6cc-461d-bef5-835fc172e678" providerId="ADAL" clId="{BCD0C6F6-2D95-4A66-B702-D3858BC1FC00}" dt="2019-09-26T09:45:26.612" v="50607"/>
          <ac:spMkLst>
            <pc:docMk/>
            <pc:sldMk cId="1279582212" sldId="257"/>
            <ac:spMk id="1583" creationId="{2FAA2AFD-084D-4D09-ADB6-CD3FDBCF7A90}"/>
          </ac:spMkLst>
        </pc:spChg>
        <pc:spChg chg="add del mod modVis">
          <ac:chgData name="Manuel Lidauer" userId="b55e45dd-c6cc-461d-bef5-835fc172e678" providerId="ADAL" clId="{BCD0C6F6-2D95-4A66-B702-D3858BC1FC00}" dt="2019-09-26T09:45:26.612" v="50609"/>
          <ac:spMkLst>
            <pc:docMk/>
            <pc:sldMk cId="1279582212" sldId="257"/>
            <ac:spMk id="1584" creationId="{49474DEE-331E-43E9-9A77-0019EF449A30}"/>
          </ac:spMkLst>
        </pc:spChg>
        <pc:spChg chg="add del mod modVis">
          <ac:chgData name="Manuel Lidauer" userId="b55e45dd-c6cc-461d-bef5-835fc172e678" providerId="ADAL" clId="{BCD0C6F6-2D95-4A66-B702-D3858BC1FC00}" dt="2019-09-26T09:45:26.613" v="50611"/>
          <ac:spMkLst>
            <pc:docMk/>
            <pc:sldMk cId="1279582212" sldId="257"/>
            <ac:spMk id="1585" creationId="{B2CA3158-E905-469B-949C-43C4977E556B}"/>
          </ac:spMkLst>
        </pc:spChg>
        <pc:spChg chg="add del mod modVis">
          <ac:chgData name="Manuel Lidauer" userId="b55e45dd-c6cc-461d-bef5-835fc172e678" providerId="ADAL" clId="{BCD0C6F6-2D95-4A66-B702-D3858BC1FC00}" dt="2019-09-26T09:45:26.614" v="50613"/>
          <ac:spMkLst>
            <pc:docMk/>
            <pc:sldMk cId="1279582212" sldId="257"/>
            <ac:spMk id="1586" creationId="{3F009057-54F7-4BD4-9AE6-93A76919F6DB}"/>
          </ac:spMkLst>
        </pc:spChg>
        <pc:spChg chg="add del mod modVis">
          <ac:chgData name="Manuel Lidauer" userId="b55e45dd-c6cc-461d-bef5-835fc172e678" providerId="ADAL" clId="{BCD0C6F6-2D95-4A66-B702-D3858BC1FC00}" dt="2019-09-26T09:45:26.614" v="50614"/>
          <ac:spMkLst>
            <pc:docMk/>
            <pc:sldMk cId="1279582212" sldId="257"/>
            <ac:spMk id="1587" creationId="{34B15011-F9DE-4A0B-A9D7-3E310C1E9D97}"/>
          </ac:spMkLst>
        </pc:spChg>
        <pc:spChg chg="add del mod modVis">
          <ac:chgData name="Manuel Lidauer" userId="b55e45dd-c6cc-461d-bef5-835fc172e678" providerId="ADAL" clId="{BCD0C6F6-2D95-4A66-B702-D3858BC1FC00}" dt="2019-09-26T09:45:26.615" v="50616"/>
          <ac:spMkLst>
            <pc:docMk/>
            <pc:sldMk cId="1279582212" sldId="257"/>
            <ac:spMk id="1588" creationId="{CF545807-DD7C-4775-9C46-142CE2962F45}"/>
          </ac:spMkLst>
        </pc:spChg>
        <pc:spChg chg="add del mod modVis">
          <ac:chgData name="Manuel Lidauer" userId="b55e45dd-c6cc-461d-bef5-835fc172e678" providerId="ADAL" clId="{BCD0C6F6-2D95-4A66-B702-D3858BC1FC00}" dt="2019-09-26T09:45:26.615" v="50618"/>
          <ac:spMkLst>
            <pc:docMk/>
            <pc:sldMk cId="1279582212" sldId="257"/>
            <ac:spMk id="1589" creationId="{6C00B1B3-26DA-4C08-9132-EE08F7ADEA11}"/>
          </ac:spMkLst>
        </pc:spChg>
        <pc:spChg chg="add del mod modVis">
          <ac:chgData name="Manuel Lidauer" userId="b55e45dd-c6cc-461d-bef5-835fc172e678" providerId="ADAL" clId="{BCD0C6F6-2D95-4A66-B702-D3858BC1FC00}" dt="2019-09-26T09:45:26.616" v="50620"/>
          <ac:spMkLst>
            <pc:docMk/>
            <pc:sldMk cId="1279582212" sldId="257"/>
            <ac:spMk id="1590" creationId="{7CFBDDB7-798C-4DB3-9985-A6D4318B4E22}"/>
          </ac:spMkLst>
        </pc:spChg>
        <pc:spChg chg="add del mod modVis">
          <ac:chgData name="Manuel Lidauer" userId="b55e45dd-c6cc-461d-bef5-835fc172e678" providerId="ADAL" clId="{BCD0C6F6-2D95-4A66-B702-D3858BC1FC00}" dt="2019-09-26T09:45:26.617" v="50622"/>
          <ac:spMkLst>
            <pc:docMk/>
            <pc:sldMk cId="1279582212" sldId="257"/>
            <ac:spMk id="1591" creationId="{4D2AF0B0-4A1E-45C9-A696-16A9714F6354}"/>
          </ac:spMkLst>
        </pc:spChg>
        <pc:spChg chg="add del mod modVis">
          <ac:chgData name="Manuel Lidauer" userId="b55e45dd-c6cc-461d-bef5-835fc172e678" providerId="ADAL" clId="{BCD0C6F6-2D95-4A66-B702-D3858BC1FC00}" dt="2019-09-26T09:45:26.618" v="50624"/>
          <ac:spMkLst>
            <pc:docMk/>
            <pc:sldMk cId="1279582212" sldId="257"/>
            <ac:spMk id="1592" creationId="{99A9C392-0DCB-4572-86C0-B1CE0263C5C8}"/>
          </ac:spMkLst>
        </pc:spChg>
        <pc:spChg chg="add del mod modVis">
          <ac:chgData name="Manuel Lidauer" userId="b55e45dd-c6cc-461d-bef5-835fc172e678" providerId="ADAL" clId="{BCD0C6F6-2D95-4A66-B702-D3858BC1FC00}" dt="2019-09-26T09:45:26.619" v="50626"/>
          <ac:spMkLst>
            <pc:docMk/>
            <pc:sldMk cId="1279582212" sldId="257"/>
            <ac:spMk id="1593" creationId="{1DE4675D-DC65-4FFE-B104-780AA26957A5}"/>
          </ac:spMkLst>
        </pc:spChg>
        <pc:spChg chg="add del mod modVis">
          <ac:chgData name="Manuel Lidauer" userId="b55e45dd-c6cc-461d-bef5-835fc172e678" providerId="ADAL" clId="{BCD0C6F6-2D95-4A66-B702-D3858BC1FC00}" dt="2019-09-26T09:45:26.620" v="50628"/>
          <ac:spMkLst>
            <pc:docMk/>
            <pc:sldMk cId="1279582212" sldId="257"/>
            <ac:spMk id="1594" creationId="{07B87832-D6B1-45B5-A69B-2E86BD386632}"/>
          </ac:spMkLst>
        </pc:spChg>
        <pc:spChg chg="add del mod modVis">
          <ac:chgData name="Manuel Lidauer" userId="b55e45dd-c6cc-461d-bef5-835fc172e678" providerId="ADAL" clId="{BCD0C6F6-2D95-4A66-B702-D3858BC1FC00}" dt="2019-09-26T09:45:26.620" v="50629"/>
          <ac:spMkLst>
            <pc:docMk/>
            <pc:sldMk cId="1279582212" sldId="257"/>
            <ac:spMk id="1595" creationId="{07DA7514-D568-4E45-879A-62F0B4F048FB}"/>
          </ac:spMkLst>
        </pc:spChg>
        <pc:spChg chg="add del mod modVis">
          <ac:chgData name="Manuel Lidauer" userId="b55e45dd-c6cc-461d-bef5-835fc172e678" providerId="ADAL" clId="{BCD0C6F6-2D95-4A66-B702-D3858BC1FC00}" dt="2019-09-26T09:45:26.621" v="50631"/>
          <ac:spMkLst>
            <pc:docMk/>
            <pc:sldMk cId="1279582212" sldId="257"/>
            <ac:spMk id="1596" creationId="{724DAC49-8F91-40CC-8FD2-A055461DAB48}"/>
          </ac:spMkLst>
        </pc:spChg>
        <pc:spChg chg="add del mod modVis">
          <ac:chgData name="Manuel Lidauer" userId="b55e45dd-c6cc-461d-bef5-835fc172e678" providerId="ADAL" clId="{BCD0C6F6-2D95-4A66-B702-D3858BC1FC00}" dt="2019-09-26T09:45:26.621" v="50633"/>
          <ac:spMkLst>
            <pc:docMk/>
            <pc:sldMk cId="1279582212" sldId="257"/>
            <ac:spMk id="1597" creationId="{04E2C026-94DD-4FB2-A61A-C5F607A66508}"/>
          </ac:spMkLst>
        </pc:spChg>
        <pc:spChg chg="add del mod modVis">
          <ac:chgData name="Manuel Lidauer" userId="b55e45dd-c6cc-461d-bef5-835fc172e678" providerId="ADAL" clId="{BCD0C6F6-2D95-4A66-B702-D3858BC1FC00}" dt="2019-09-26T09:45:26.622" v="50635"/>
          <ac:spMkLst>
            <pc:docMk/>
            <pc:sldMk cId="1279582212" sldId="257"/>
            <ac:spMk id="1598" creationId="{5166DEB1-B53F-459F-9F08-9E3F700A1D51}"/>
          </ac:spMkLst>
        </pc:spChg>
        <pc:spChg chg="add del mod modVis">
          <ac:chgData name="Manuel Lidauer" userId="b55e45dd-c6cc-461d-bef5-835fc172e678" providerId="ADAL" clId="{BCD0C6F6-2D95-4A66-B702-D3858BC1FC00}" dt="2019-09-26T09:45:26.623" v="50637"/>
          <ac:spMkLst>
            <pc:docMk/>
            <pc:sldMk cId="1279582212" sldId="257"/>
            <ac:spMk id="1599" creationId="{51D349D4-E11F-4675-B270-5640B4D51439}"/>
          </ac:spMkLst>
        </pc:spChg>
        <pc:spChg chg="add del mod modVis">
          <ac:chgData name="Manuel Lidauer" userId="b55e45dd-c6cc-461d-bef5-835fc172e678" providerId="ADAL" clId="{BCD0C6F6-2D95-4A66-B702-D3858BC1FC00}" dt="2019-09-26T09:45:26.623" v="50639"/>
          <ac:spMkLst>
            <pc:docMk/>
            <pc:sldMk cId="1279582212" sldId="257"/>
            <ac:spMk id="1600" creationId="{3DB5FE67-BB36-4A4D-977D-6A3931381093}"/>
          </ac:spMkLst>
        </pc:spChg>
        <pc:spChg chg="add del mod modVis">
          <ac:chgData name="Manuel Lidauer" userId="b55e45dd-c6cc-461d-bef5-835fc172e678" providerId="ADAL" clId="{BCD0C6F6-2D95-4A66-B702-D3858BC1FC00}" dt="2019-09-26T09:45:26.624" v="50641"/>
          <ac:spMkLst>
            <pc:docMk/>
            <pc:sldMk cId="1279582212" sldId="257"/>
            <ac:spMk id="1601" creationId="{DDECBFD0-1A58-4BD8-A09C-85057184E6F5}"/>
          </ac:spMkLst>
        </pc:spChg>
        <pc:spChg chg="add del mod modVis">
          <ac:chgData name="Manuel Lidauer" userId="b55e45dd-c6cc-461d-bef5-835fc172e678" providerId="ADAL" clId="{BCD0C6F6-2D95-4A66-B702-D3858BC1FC00}" dt="2019-09-26T09:45:26.625" v="50643"/>
          <ac:spMkLst>
            <pc:docMk/>
            <pc:sldMk cId="1279582212" sldId="257"/>
            <ac:spMk id="1602" creationId="{CC00D73D-3D41-47D4-999D-6305A9523E6D}"/>
          </ac:spMkLst>
        </pc:spChg>
        <pc:spChg chg="add del mod modVis">
          <ac:chgData name="Manuel Lidauer" userId="b55e45dd-c6cc-461d-bef5-835fc172e678" providerId="ADAL" clId="{BCD0C6F6-2D95-4A66-B702-D3858BC1FC00}" dt="2019-09-26T09:45:26.625" v="50644"/>
          <ac:spMkLst>
            <pc:docMk/>
            <pc:sldMk cId="1279582212" sldId="257"/>
            <ac:spMk id="1603" creationId="{C281E1FA-8782-4C51-A731-0FF50EBA0ACE}"/>
          </ac:spMkLst>
        </pc:spChg>
        <pc:spChg chg="add del mod modVis">
          <ac:chgData name="Manuel Lidauer" userId="b55e45dd-c6cc-461d-bef5-835fc172e678" providerId="ADAL" clId="{BCD0C6F6-2D95-4A66-B702-D3858BC1FC00}" dt="2019-09-26T09:45:26.626" v="50646"/>
          <ac:spMkLst>
            <pc:docMk/>
            <pc:sldMk cId="1279582212" sldId="257"/>
            <ac:spMk id="1604" creationId="{C850E1D3-0D0A-4F4B-8DA5-83F1DA5F615A}"/>
          </ac:spMkLst>
        </pc:spChg>
        <pc:spChg chg="add del mod modVis">
          <ac:chgData name="Manuel Lidauer" userId="b55e45dd-c6cc-461d-bef5-835fc172e678" providerId="ADAL" clId="{BCD0C6F6-2D95-4A66-B702-D3858BC1FC00}" dt="2019-09-26T09:45:26.626" v="50648"/>
          <ac:spMkLst>
            <pc:docMk/>
            <pc:sldMk cId="1279582212" sldId="257"/>
            <ac:spMk id="1605" creationId="{15370D84-1507-4F69-8F88-018FB1BE087F}"/>
          </ac:spMkLst>
        </pc:spChg>
        <pc:spChg chg="add del mod modVis">
          <ac:chgData name="Manuel Lidauer" userId="b55e45dd-c6cc-461d-bef5-835fc172e678" providerId="ADAL" clId="{BCD0C6F6-2D95-4A66-B702-D3858BC1FC00}" dt="2019-09-26T09:45:26.627" v="50650"/>
          <ac:spMkLst>
            <pc:docMk/>
            <pc:sldMk cId="1279582212" sldId="257"/>
            <ac:spMk id="1606" creationId="{E86CBB2A-48B7-41C1-BED9-7E5CE4A71B10}"/>
          </ac:spMkLst>
        </pc:spChg>
        <pc:spChg chg="add del mod modVis">
          <ac:chgData name="Manuel Lidauer" userId="b55e45dd-c6cc-461d-bef5-835fc172e678" providerId="ADAL" clId="{BCD0C6F6-2D95-4A66-B702-D3858BC1FC00}" dt="2019-09-26T09:45:26.628" v="50652"/>
          <ac:spMkLst>
            <pc:docMk/>
            <pc:sldMk cId="1279582212" sldId="257"/>
            <ac:spMk id="1607" creationId="{B5F280EF-1449-42B8-A194-533505723A6E}"/>
          </ac:spMkLst>
        </pc:spChg>
        <pc:spChg chg="add del mod modVis">
          <ac:chgData name="Manuel Lidauer" userId="b55e45dd-c6cc-461d-bef5-835fc172e678" providerId="ADAL" clId="{BCD0C6F6-2D95-4A66-B702-D3858BC1FC00}" dt="2019-09-26T09:45:26.628" v="50654"/>
          <ac:spMkLst>
            <pc:docMk/>
            <pc:sldMk cId="1279582212" sldId="257"/>
            <ac:spMk id="1608" creationId="{D84D22D2-5FD9-444C-B68C-46893DF37588}"/>
          </ac:spMkLst>
        </pc:spChg>
        <pc:spChg chg="add del mod modVis">
          <ac:chgData name="Manuel Lidauer" userId="b55e45dd-c6cc-461d-bef5-835fc172e678" providerId="ADAL" clId="{BCD0C6F6-2D95-4A66-B702-D3858BC1FC00}" dt="2019-09-26T09:45:26.629" v="50656"/>
          <ac:spMkLst>
            <pc:docMk/>
            <pc:sldMk cId="1279582212" sldId="257"/>
            <ac:spMk id="1609" creationId="{F43D16F2-D4CE-456C-A8C5-E0D0FB4D0487}"/>
          </ac:spMkLst>
        </pc:spChg>
        <pc:spChg chg="add del mod modVis">
          <ac:chgData name="Manuel Lidauer" userId="b55e45dd-c6cc-461d-bef5-835fc172e678" providerId="ADAL" clId="{BCD0C6F6-2D95-4A66-B702-D3858BC1FC00}" dt="2019-09-26T09:45:26.630" v="50658"/>
          <ac:spMkLst>
            <pc:docMk/>
            <pc:sldMk cId="1279582212" sldId="257"/>
            <ac:spMk id="1610" creationId="{40E1BE78-844A-4A74-9959-FB721054C88F}"/>
          </ac:spMkLst>
        </pc:spChg>
        <pc:spChg chg="add del mod modVis">
          <ac:chgData name="Manuel Lidauer" userId="b55e45dd-c6cc-461d-bef5-835fc172e678" providerId="ADAL" clId="{BCD0C6F6-2D95-4A66-B702-D3858BC1FC00}" dt="2019-09-26T09:45:26.630" v="50659"/>
          <ac:spMkLst>
            <pc:docMk/>
            <pc:sldMk cId="1279582212" sldId="257"/>
            <ac:spMk id="1611" creationId="{7B25AE3D-BA74-4325-A104-ADA285D7E3EE}"/>
          </ac:spMkLst>
        </pc:spChg>
        <pc:spChg chg="add del mod modVis">
          <ac:chgData name="Manuel Lidauer" userId="b55e45dd-c6cc-461d-bef5-835fc172e678" providerId="ADAL" clId="{BCD0C6F6-2D95-4A66-B702-D3858BC1FC00}" dt="2019-09-26T09:45:26.631" v="50661"/>
          <ac:spMkLst>
            <pc:docMk/>
            <pc:sldMk cId="1279582212" sldId="257"/>
            <ac:spMk id="1612" creationId="{51C878A1-E1E8-468B-93EA-84D29760835C}"/>
          </ac:spMkLst>
        </pc:spChg>
        <pc:spChg chg="add del mod modVis">
          <ac:chgData name="Manuel Lidauer" userId="b55e45dd-c6cc-461d-bef5-835fc172e678" providerId="ADAL" clId="{BCD0C6F6-2D95-4A66-B702-D3858BC1FC00}" dt="2019-09-26T09:45:26.632" v="50663"/>
          <ac:spMkLst>
            <pc:docMk/>
            <pc:sldMk cId="1279582212" sldId="257"/>
            <ac:spMk id="1613" creationId="{89E8D714-D70F-4849-9879-CD1475E1AC08}"/>
          </ac:spMkLst>
        </pc:spChg>
        <pc:spChg chg="add del mod modVis">
          <ac:chgData name="Manuel Lidauer" userId="b55e45dd-c6cc-461d-bef5-835fc172e678" providerId="ADAL" clId="{BCD0C6F6-2D95-4A66-B702-D3858BC1FC00}" dt="2019-09-26T09:45:26.632" v="50665"/>
          <ac:spMkLst>
            <pc:docMk/>
            <pc:sldMk cId="1279582212" sldId="257"/>
            <ac:spMk id="1614" creationId="{4B2A30F1-C4BB-4282-BDFD-F8368E1AB198}"/>
          </ac:spMkLst>
        </pc:spChg>
        <pc:spChg chg="add del mod modVis">
          <ac:chgData name="Manuel Lidauer" userId="b55e45dd-c6cc-461d-bef5-835fc172e678" providerId="ADAL" clId="{BCD0C6F6-2D95-4A66-B702-D3858BC1FC00}" dt="2019-09-26T09:45:26.633" v="50667"/>
          <ac:spMkLst>
            <pc:docMk/>
            <pc:sldMk cId="1279582212" sldId="257"/>
            <ac:spMk id="1615" creationId="{0460A839-3AA3-4A14-AED0-863AF44551A5}"/>
          </ac:spMkLst>
        </pc:spChg>
        <pc:spChg chg="add del mod modVis">
          <ac:chgData name="Manuel Lidauer" userId="b55e45dd-c6cc-461d-bef5-835fc172e678" providerId="ADAL" clId="{BCD0C6F6-2D95-4A66-B702-D3858BC1FC00}" dt="2019-09-26T09:45:26.634" v="50669"/>
          <ac:spMkLst>
            <pc:docMk/>
            <pc:sldMk cId="1279582212" sldId="257"/>
            <ac:spMk id="1616" creationId="{096087DB-4A01-4955-9403-7E6744326E63}"/>
          </ac:spMkLst>
        </pc:spChg>
        <pc:spChg chg="add del mod modVis">
          <ac:chgData name="Manuel Lidauer" userId="b55e45dd-c6cc-461d-bef5-835fc172e678" providerId="ADAL" clId="{BCD0C6F6-2D95-4A66-B702-D3858BC1FC00}" dt="2019-09-26T09:45:26.635" v="50671"/>
          <ac:spMkLst>
            <pc:docMk/>
            <pc:sldMk cId="1279582212" sldId="257"/>
            <ac:spMk id="1617" creationId="{A123DC9E-7BF5-43C2-9950-F013F3248DD4}"/>
          </ac:spMkLst>
        </pc:spChg>
        <pc:spChg chg="add del mod modVis">
          <ac:chgData name="Manuel Lidauer" userId="b55e45dd-c6cc-461d-bef5-835fc172e678" providerId="ADAL" clId="{BCD0C6F6-2D95-4A66-B702-D3858BC1FC00}" dt="2019-09-26T09:45:26.636" v="50673"/>
          <ac:spMkLst>
            <pc:docMk/>
            <pc:sldMk cId="1279582212" sldId="257"/>
            <ac:spMk id="1618" creationId="{AEC252EC-ED98-46A7-AA99-E025B72A4E40}"/>
          </ac:spMkLst>
        </pc:spChg>
        <pc:spChg chg="add del mod modVis">
          <ac:chgData name="Manuel Lidauer" userId="b55e45dd-c6cc-461d-bef5-835fc172e678" providerId="ADAL" clId="{BCD0C6F6-2D95-4A66-B702-D3858BC1FC00}" dt="2019-09-26T09:45:26.636" v="50674"/>
          <ac:spMkLst>
            <pc:docMk/>
            <pc:sldMk cId="1279582212" sldId="257"/>
            <ac:spMk id="1619" creationId="{DADAFF7F-AD6C-4AC8-9F8C-748C6EEC54FD}"/>
          </ac:spMkLst>
        </pc:spChg>
        <pc:spChg chg="add del mod modVis">
          <ac:chgData name="Manuel Lidauer" userId="b55e45dd-c6cc-461d-bef5-835fc172e678" providerId="ADAL" clId="{BCD0C6F6-2D95-4A66-B702-D3858BC1FC00}" dt="2019-09-26T09:45:26.637" v="50676"/>
          <ac:spMkLst>
            <pc:docMk/>
            <pc:sldMk cId="1279582212" sldId="257"/>
            <ac:spMk id="1620" creationId="{5B94279E-4952-4690-B7B2-D0A2948229EA}"/>
          </ac:spMkLst>
        </pc:spChg>
        <pc:spChg chg="add del mod modVis">
          <ac:chgData name="Manuel Lidauer" userId="b55e45dd-c6cc-461d-bef5-835fc172e678" providerId="ADAL" clId="{BCD0C6F6-2D95-4A66-B702-D3858BC1FC00}" dt="2019-09-26T09:45:26.638" v="50678"/>
          <ac:spMkLst>
            <pc:docMk/>
            <pc:sldMk cId="1279582212" sldId="257"/>
            <ac:spMk id="1621" creationId="{14830E56-8C3B-4B56-B8EF-6EDCBE3DAE2D}"/>
          </ac:spMkLst>
        </pc:spChg>
        <pc:spChg chg="add del mod modVis">
          <ac:chgData name="Manuel Lidauer" userId="b55e45dd-c6cc-461d-bef5-835fc172e678" providerId="ADAL" clId="{BCD0C6F6-2D95-4A66-B702-D3858BC1FC00}" dt="2019-09-26T09:45:26.639" v="50680"/>
          <ac:spMkLst>
            <pc:docMk/>
            <pc:sldMk cId="1279582212" sldId="257"/>
            <ac:spMk id="1622" creationId="{AE22A81F-3030-4DE3-9E3D-0F880EE475EB}"/>
          </ac:spMkLst>
        </pc:spChg>
        <pc:spChg chg="add del mod modVis">
          <ac:chgData name="Manuel Lidauer" userId="b55e45dd-c6cc-461d-bef5-835fc172e678" providerId="ADAL" clId="{BCD0C6F6-2D95-4A66-B702-D3858BC1FC00}" dt="2019-09-26T09:45:26.639" v="50682"/>
          <ac:spMkLst>
            <pc:docMk/>
            <pc:sldMk cId="1279582212" sldId="257"/>
            <ac:spMk id="1623" creationId="{88CDF624-D147-4D9E-A920-69B0D445BC9F}"/>
          </ac:spMkLst>
        </pc:spChg>
        <pc:spChg chg="add del mod modVis">
          <ac:chgData name="Manuel Lidauer" userId="b55e45dd-c6cc-461d-bef5-835fc172e678" providerId="ADAL" clId="{BCD0C6F6-2D95-4A66-B702-D3858BC1FC00}" dt="2019-09-26T09:45:26.640" v="50684"/>
          <ac:spMkLst>
            <pc:docMk/>
            <pc:sldMk cId="1279582212" sldId="257"/>
            <ac:spMk id="1624" creationId="{1B96798A-436D-4AF3-9026-71CED1F5F97E}"/>
          </ac:spMkLst>
        </pc:spChg>
        <pc:spChg chg="add del mod modVis">
          <ac:chgData name="Manuel Lidauer" userId="b55e45dd-c6cc-461d-bef5-835fc172e678" providerId="ADAL" clId="{BCD0C6F6-2D95-4A66-B702-D3858BC1FC00}" dt="2019-09-26T09:45:26.641" v="50686"/>
          <ac:spMkLst>
            <pc:docMk/>
            <pc:sldMk cId="1279582212" sldId="257"/>
            <ac:spMk id="1625" creationId="{4E9F0ADF-F1EB-4CEF-87B5-32D9B4A8D3AD}"/>
          </ac:spMkLst>
        </pc:spChg>
        <pc:spChg chg="add del mod modVis">
          <ac:chgData name="Manuel Lidauer" userId="b55e45dd-c6cc-461d-bef5-835fc172e678" providerId="ADAL" clId="{BCD0C6F6-2D95-4A66-B702-D3858BC1FC00}" dt="2019-09-26T09:45:26.641" v="50688"/>
          <ac:spMkLst>
            <pc:docMk/>
            <pc:sldMk cId="1279582212" sldId="257"/>
            <ac:spMk id="1626" creationId="{FE276F67-A5C9-4B53-80D8-4057B416FF45}"/>
          </ac:spMkLst>
        </pc:spChg>
        <pc:spChg chg="add del mod modVis">
          <ac:chgData name="Manuel Lidauer" userId="b55e45dd-c6cc-461d-bef5-835fc172e678" providerId="ADAL" clId="{BCD0C6F6-2D95-4A66-B702-D3858BC1FC00}" dt="2019-09-26T09:45:26.642" v="50689"/>
          <ac:spMkLst>
            <pc:docMk/>
            <pc:sldMk cId="1279582212" sldId="257"/>
            <ac:spMk id="1627" creationId="{4F727067-AA78-4A96-9C7A-C4D1815CB95F}"/>
          </ac:spMkLst>
        </pc:spChg>
        <pc:spChg chg="add del mod modVis">
          <ac:chgData name="Manuel Lidauer" userId="b55e45dd-c6cc-461d-bef5-835fc172e678" providerId="ADAL" clId="{BCD0C6F6-2D95-4A66-B702-D3858BC1FC00}" dt="2019-09-26T09:45:26.642" v="50691"/>
          <ac:spMkLst>
            <pc:docMk/>
            <pc:sldMk cId="1279582212" sldId="257"/>
            <ac:spMk id="1628" creationId="{DB8AB8CE-6B1B-49C4-9017-FC85E727AE54}"/>
          </ac:spMkLst>
        </pc:spChg>
        <pc:spChg chg="add del mod modVis">
          <ac:chgData name="Manuel Lidauer" userId="b55e45dd-c6cc-461d-bef5-835fc172e678" providerId="ADAL" clId="{BCD0C6F6-2D95-4A66-B702-D3858BC1FC00}" dt="2019-09-26T09:45:26.643" v="50693"/>
          <ac:spMkLst>
            <pc:docMk/>
            <pc:sldMk cId="1279582212" sldId="257"/>
            <ac:spMk id="1629" creationId="{1CDEE6D9-F5BF-4A51-90AD-50A78DAE1636}"/>
          </ac:spMkLst>
        </pc:spChg>
        <pc:spChg chg="add del mod modVis">
          <ac:chgData name="Manuel Lidauer" userId="b55e45dd-c6cc-461d-bef5-835fc172e678" providerId="ADAL" clId="{BCD0C6F6-2D95-4A66-B702-D3858BC1FC00}" dt="2019-09-26T09:45:26.644" v="50695"/>
          <ac:spMkLst>
            <pc:docMk/>
            <pc:sldMk cId="1279582212" sldId="257"/>
            <ac:spMk id="1630" creationId="{EFA77D5D-C6E0-44E7-AA68-AB3DB0DE07AD}"/>
          </ac:spMkLst>
        </pc:spChg>
        <pc:spChg chg="add del mod modVis">
          <ac:chgData name="Manuel Lidauer" userId="b55e45dd-c6cc-461d-bef5-835fc172e678" providerId="ADAL" clId="{BCD0C6F6-2D95-4A66-B702-D3858BC1FC00}" dt="2019-09-26T09:45:26.644" v="50697"/>
          <ac:spMkLst>
            <pc:docMk/>
            <pc:sldMk cId="1279582212" sldId="257"/>
            <ac:spMk id="1631" creationId="{6E0A9994-602F-4F77-8FC1-EBDB9940D62E}"/>
          </ac:spMkLst>
        </pc:spChg>
        <pc:spChg chg="add del mod modVis">
          <ac:chgData name="Manuel Lidauer" userId="b55e45dd-c6cc-461d-bef5-835fc172e678" providerId="ADAL" clId="{BCD0C6F6-2D95-4A66-B702-D3858BC1FC00}" dt="2019-09-26T09:45:26.645" v="50699"/>
          <ac:spMkLst>
            <pc:docMk/>
            <pc:sldMk cId="1279582212" sldId="257"/>
            <ac:spMk id="1632" creationId="{9666BE4B-0F42-45C0-918E-D266D02918A2}"/>
          </ac:spMkLst>
        </pc:spChg>
        <pc:spChg chg="add del mod modVis">
          <ac:chgData name="Manuel Lidauer" userId="b55e45dd-c6cc-461d-bef5-835fc172e678" providerId="ADAL" clId="{BCD0C6F6-2D95-4A66-B702-D3858BC1FC00}" dt="2019-09-26T09:45:26.646" v="50701"/>
          <ac:spMkLst>
            <pc:docMk/>
            <pc:sldMk cId="1279582212" sldId="257"/>
            <ac:spMk id="1633" creationId="{BF9C4C67-84AB-4F41-84BE-8DCD3E839008}"/>
          </ac:spMkLst>
        </pc:spChg>
        <pc:spChg chg="add del mod modVis">
          <ac:chgData name="Manuel Lidauer" userId="b55e45dd-c6cc-461d-bef5-835fc172e678" providerId="ADAL" clId="{BCD0C6F6-2D95-4A66-B702-D3858BC1FC00}" dt="2019-09-26T09:45:26.647" v="50703"/>
          <ac:spMkLst>
            <pc:docMk/>
            <pc:sldMk cId="1279582212" sldId="257"/>
            <ac:spMk id="1634" creationId="{7F4CDE36-60A6-4791-BAE1-35E104563B72}"/>
          </ac:spMkLst>
        </pc:spChg>
        <pc:spChg chg="add del mod modVis">
          <ac:chgData name="Manuel Lidauer" userId="b55e45dd-c6cc-461d-bef5-835fc172e678" providerId="ADAL" clId="{BCD0C6F6-2D95-4A66-B702-D3858BC1FC00}" dt="2019-09-26T09:45:26.648" v="50704"/>
          <ac:spMkLst>
            <pc:docMk/>
            <pc:sldMk cId="1279582212" sldId="257"/>
            <ac:spMk id="1635" creationId="{CF08A8A8-D221-483A-9EE7-3E19628F336A}"/>
          </ac:spMkLst>
        </pc:spChg>
        <pc:spChg chg="add del mod modVis">
          <ac:chgData name="Manuel Lidauer" userId="b55e45dd-c6cc-461d-bef5-835fc172e678" providerId="ADAL" clId="{BCD0C6F6-2D95-4A66-B702-D3858BC1FC00}" dt="2019-09-26T09:45:26.649" v="50706"/>
          <ac:spMkLst>
            <pc:docMk/>
            <pc:sldMk cId="1279582212" sldId="257"/>
            <ac:spMk id="1636" creationId="{8AE0A43E-7910-47F9-B6F0-802FFF4147E7}"/>
          </ac:spMkLst>
        </pc:spChg>
        <pc:spChg chg="add del mod modVis">
          <ac:chgData name="Manuel Lidauer" userId="b55e45dd-c6cc-461d-bef5-835fc172e678" providerId="ADAL" clId="{BCD0C6F6-2D95-4A66-B702-D3858BC1FC00}" dt="2019-09-26T09:45:26.650" v="50708"/>
          <ac:spMkLst>
            <pc:docMk/>
            <pc:sldMk cId="1279582212" sldId="257"/>
            <ac:spMk id="1637" creationId="{B2AB907D-DEA0-4B42-B956-AB0F27B01D61}"/>
          </ac:spMkLst>
        </pc:spChg>
        <pc:spChg chg="add del mod modVis">
          <ac:chgData name="Manuel Lidauer" userId="b55e45dd-c6cc-461d-bef5-835fc172e678" providerId="ADAL" clId="{BCD0C6F6-2D95-4A66-B702-D3858BC1FC00}" dt="2019-09-26T09:45:26.651" v="50710"/>
          <ac:spMkLst>
            <pc:docMk/>
            <pc:sldMk cId="1279582212" sldId="257"/>
            <ac:spMk id="1638" creationId="{27C63EC7-672E-4096-A51E-95DC2F5765D6}"/>
          </ac:spMkLst>
        </pc:spChg>
        <pc:spChg chg="add del mod modVis">
          <ac:chgData name="Manuel Lidauer" userId="b55e45dd-c6cc-461d-bef5-835fc172e678" providerId="ADAL" clId="{BCD0C6F6-2D95-4A66-B702-D3858BC1FC00}" dt="2019-09-26T09:45:26.652" v="50712"/>
          <ac:spMkLst>
            <pc:docMk/>
            <pc:sldMk cId="1279582212" sldId="257"/>
            <ac:spMk id="1639" creationId="{7261E430-845A-4B01-AAF6-4E6987101ECD}"/>
          </ac:spMkLst>
        </pc:spChg>
        <pc:spChg chg="add del mod modVis">
          <ac:chgData name="Manuel Lidauer" userId="b55e45dd-c6cc-461d-bef5-835fc172e678" providerId="ADAL" clId="{BCD0C6F6-2D95-4A66-B702-D3858BC1FC00}" dt="2019-09-26T09:45:26.653" v="50714"/>
          <ac:spMkLst>
            <pc:docMk/>
            <pc:sldMk cId="1279582212" sldId="257"/>
            <ac:spMk id="1640" creationId="{9CF74CFD-972F-4471-8868-B6D5FB2AFD9B}"/>
          </ac:spMkLst>
        </pc:spChg>
        <pc:spChg chg="add del mod modVis">
          <ac:chgData name="Manuel Lidauer" userId="b55e45dd-c6cc-461d-bef5-835fc172e678" providerId="ADAL" clId="{BCD0C6F6-2D95-4A66-B702-D3858BC1FC00}" dt="2019-09-26T09:45:26.654" v="50716"/>
          <ac:spMkLst>
            <pc:docMk/>
            <pc:sldMk cId="1279582212" sldId="257"/>
            <ac:spMk id="1641" creationId="{85FC2A37-95E5-4187-AD42-BDA46A33E7EC}"/>
          </ac:spMkLst>
        </pc:spChg>
        <pc:spChg chg="add del mod modVis">
          <ac:chgData name="Manuel Lidauer" userId="b55e45dd-c6cc-461d-bef5-835fc172e678" providerId="ADAL" clId="{BCD0C6F6-2D95-4A66-B702-D3858BC1FC00}" dt="2019-09-26T09:45:26.655" v="50718"/>
          <ac:spMkLst>
            <pc:docMk/>
            <pc:sldMk cId="1279582212" sldId="257"/>
            <ac:spMk id="1642" creationId="{8BE4BBD2-9840-43DB-80D8-911F5627EFD4}"/>
          </ac:spMkLst>
        </pc:spChg>
        <pc:spChg chg="add del mod modVis">
          <ac:chgData name="Manuel Lidauer" userId="b55e45dd-c6cc-461d-bef5-835fc172e678" providerId="ADAL" clId="{BCD0C6F6-2D95-4A66-B702-D3858BC1FC00}" dt="2019-09-26T09:45:26.656" v="50719"/>
          <ac:spMkLst>
            <pc:docMk/>
            <pc:sldMk cId="1279582212" sldId="257"/>
            <ac:spMk id="1643" creationId="{BF2AC410-8DF2-48EF-9625-D4483BDAF0CB}"/>
          </ac:spMkLst>
        </pc:spChg>
        <pc:spChg chg="add del mod modVis">
          <ac:chgData name="Manuel Lidauer" userId="b55e45dd-c6cc-461d-bef5-835fc172e678" providerId="ADAL" clId="{BCD0C6F6-2D95-4A66-B702-D3858BC1FC00}" dt="2019-09-26T09:45:26.656" v="50721"/>
          <ac:spMkLst>
            <pc:docMk/>
            <pc:sldMk cId="1279582212" sldId="257"/>
            <ac:spMk id="1644" creationId="{EE312B17-D00D-4CD2-983A-65A5E526C8E0}"/>
          </ac:spMkLst>
        </pc:spChg>
        <pc:spChg chg="add del mod modVis">
          <ac:chgData name="Manuel Lidauer" userId="b55e45dd-c6cc-461d-bef5-835fc172e678" providerId="ADAL" clId="{BCD0C6F6-2D95-4A66-B702-D3858BC1FC00}" dt="2019-09-26T09:45:26.657" v="50723"/>
          <ac:spMkLst>
            <pc:docMk/>
            <pc:sldMk cId="1279582212" sldId="257"/>
            <ac:spMk id="1645" creationId="{B0F550C0-68CB-43E1-8E39-73260002D248}"/>
          </ac:spMkLst>
        </pc:spChg>
        <pc:spChg chg="add del mod modVis">
          <ac:chgData name="Manuel Lidauer" userId="b55e45dd-c6cc-461d-bef5-835fc172e678" providerId="ADAL" clId="{BCD0C6F6-2D95-4A66-B702-D3858BC1FC00}" dt="2019-09-26T09:45:26.658" v="50725"/>
          <ac:spMkLst>
            <pc:docMk/>
            <pc:sldMk cId="1279582212" sldId="257"/>
            <ac:spMk id="1646" creationId="{22FE70AC-7F6C-49EC-8DA7-231A939AD06C}"/>
          </ac:spMkLst>
        </pc:spChg>
        <pc:spChg chg="add del mod modVis">
          <ac:chgData name="Manuel Lidauer" userId="b55e45dd-c6cc-461d-bef5-835fc172e678" providerId="ADAL" clId="{BCD0C6F6-2D95-4A66-B702-D3858BC1FC00}" dt="2019-09-26T09:45:26.659" v="50727"/>
          <ac:spMkLst>
            <pc:docMk/>
            <pc:sldMk cId="1279582212" sldId="257"/>
            <ac:spMk id="1647" creationId="{47D0AC17-E4A9-41A9-A5A3-3B4264240E0A}"/>
          </ac:spMkLst>
        </pc:spChg>
        <pc:spChg chg="add del mod modVis">
          <ac:chgData name="Manuel Lidauer" userId="b55e45dd-c6cc-461d-bef5-835fc172e678" providerId="ADAL" clId="{BCD0C6F6-2D95-4A66-B702-D3858BC1FC00}" dt="2019-09-26T09:45:26.660" v="50729"/>
          <ac:spMkLst>
            <pc:docMk/>
            <pc:sldMk cId="1279582212" sldId="257"/>
            <ac:spMk id="1648" creationId="{1E8E85DD-B325-42A7-A37E-445EB025B980}"/>
          </ac:spMkLst>
        </pc:spChg>
        <pc:spChg chg="add del mod modVis">
          <ac:chgData name="Manuel Lidauer" userId="b55e45dd-c6cc-461d-bef5-835fc172e678" providerId="ADAL" clId="{BCD0C6F6-2D95-4A66-B702-D3858BC1FC00}" dt="2019-09-26T09:45:26.661" v="50731"/>
          <ac:spMkLst>
            <pc:docMk/>
            <pc:sldMk cId="1279582212" sldId="257"/>
            <ac:spMk id="1649" creationId="{00376D86-9E63-4113-A0B2-BE904BC05BBB}"/>
          </ac:spMkLst>
        </pc:spChg>
        <pc:spChg chg="add del mod modVis">
          <ac:chgData name="Manuel Lidauer" userId="b55e45dd-c6cc-461d-bef5-835fc172e678" providerId="ADAL" clId="{BCD0C6F6-2D95-4A66-B702-D3858BC1FC00}" dt="2019-09-26T09:45:26.661" v="50733"/>
          <ac:spMkLst>
            <pc:docMk/>
            <pc:sldMk cId="1279582212" sldId="257"/>
            <ac:spMk id="1650" creationId="{7C057D9E-089A-4D2B-821E-D2244193591D}"/>
          </ac:spMkLst>
        </pc:spChg>
        <pc:spChg chg="add del mod modVis">
          <ac:chgData name="Manuel Lidauer" userId="b55e45dd-c6cc-461d-bef5-835fc172e678" providerId="ADAL" clId="{BCD0C6F6-2D95-4A66-B702-D3858BC1FC00}" dt="2019-09-26T09:45:26.662" v="50734"/>
          <ac:spMkLst>
            <pc:docMk/>
            <pc:sldMk cId="1279582212" sldId="257"/>
            <ac:spMk id="1651" creationId="{3F640928-606F-4713-8218-9C1AF98CD153}"/>
          </ac:spMkLst>
        </pc:spChg>
        <pc:spChg chg="add del mod modVis">
          <ac:chgData name="Manuel Lidauer" userId="b55e45dd-c6cc-461d-bef5-835fc172e678" providerId="ADAL" clId="{BCD0C6F6-2D95-4A66-B702-D3858BC1FC00}" dt="2019-09-26T09:45:26.663" v="50736"/>
          <ac:spMkLst>
            <pc:docMk/>
            <pc:sldMk cId="1279582212" sldId="257"/>
            <ac:spMk id="1652" creationId="{AD4D5802-AB91-4CA7-8F0E-DEF83754BF58}"/>
          </ac:spMkLst>
        </pc:spChg>
        <pc:spChg chg="add del mod modVis">
          <ac:chgData name="Manuel Lidauer" userId="b55e45dd-c6cc-461d-bef5-835fc172e678" providerId="ADAL" clId="{BCD0C6F6-2D95-4A66-B702-D3858BC1FC00}" dt="2019-09-26T09:45:26.664" v="50738"/>
          <ac:spMkLst>
            <pc:docMk/>
            <pc:sldMk cId="1279582212" sldId="257"/>
            <ac:spMk id="1653" creationId="{E62234A9-41F9-4F0F-99FF-FC39D672414F}"/>
          </ac:spMkLst>
        </pc:spChg>
        <pc:spChg chg="add del mod modVis">
          <ac:chgData name="Manuel Lidauer" userId="b55e45dd-c6cc-461d-bef5-835fc172e678" providerId="ADAL" clId="{BCD0C6F6-2D95-4A66-B702-D3858BC1FC00}" dt="2019-09-26T09:45:26.665" v="50740"/>
          <ac:spMkLst>
            <pc:docMk/>
            <pc:sldMk cId="1279582212" sldId="257"/>
            <ac:spMk id="1654" creationId="{1013BFD8-C454-47D4-AC5E-D324B95C2D0E}"/>
          </ac:spMkLst>
        </pc:spChg>
        <pc:spChg chg="add del mod modVis">
          <ac:chgData name="Manuel Lidauer" userId="b55e45dd-c6cc-461d-bef5-835fc172e678" providerId="ADAL" clId="{BCD0C6F6-2D95-4A66-B702-D3858BC1FC00}" dt="2019-09-26T09:45:26.666" v="50742"/>
          <ac:spMkLst>
            <pc:docMk/>
            <pc:sldMk cId="1279582212" sldId="257"/>
            <ac:spMk id="1655" creationId="{8ECEB015-6D0D-4C24-8BE0-361D043426F3}"/>
          </ac:spMkLst>
        </pc:spChg>
        <pc:spChg chg="add del mod modVis">
          <ac:chgData name="Manuel Lidauer" userId="b55e45dd-c6cc-461d-bef5-835fc172e678" providerId="ADAL" clId="{BCD0C6F6-2D95-4A66-B702-D3858BC1FC00}" dt="2019-09-26T09:45:26.667" v="50744"/>
          <ac:spMkLst>
            <pc:docMk/>
            <pc:sldMk cId="1279582212" sldId="257"/>
            <ac:spMk id="1656" creationId="{3E64F6D3-D840-4E3B-A762-753010B7F1C4}"/>
          </ac:spMkLst>
        </pc:spChg>
        <pc:spChg chg="add del mod modVis">
          <ac:chgData name="Manuel Lidauer" userId="b55e45dd-c6cc-461d-bef5-835fc172e678" providerId="ADAL" clId="{BCD0C6F6-2D95-4A66-B702-D3858BC1FC00}" dt="2019-09-26T09:45:26.668" v="50746"/>
          <ac:spMkLst>
            <pc:docMk/>
            <pc:sldMk cId="1279582212" sldId="257"/>
            <ac:spMk id="1657" creationId="{FD329D26-C5B6-4B15-97C6-7A2161342422}"/>
          </ac:spMkLst>
        </pc:spChg>
        <pc:spChg chg="add del mod modVis">
          <ac:chgData name="Manuel Lidauer" userId="b55e45dd-c6cc-461d-bef5-835fc172e678" providerId="ADAL" clId="{BCD0C6F6-2D95-4A66-B702-D3858BC1FC00}" dt="2019-09-26T09:45:26.669" v="50748"/>
          <ac:spMkLst>
            <pc:docMk/>
            <pc:sldMk cId="1279582212" sldId="257"/>
            <ac:spMk id="1658" creationId="{6D5377BF-866C-4156-A4F2-88C018EEC484}"/>
          </ac:spMkLst>
        </pc:spChg>
        <pc:spChg chg="add del mod modVis">
          <ac:chgData name="Manuel Lidauer" userId="b55e45dd-c6cc-461d-bef5-835fc172e678" providerId="ADAL" clId="{BCD0C6F6-2D95-4A66-B702-D3858BC1FC00}" dt="2019-09-26T09:45:26.670" v="50749"/>
          <ac:spMkLst>
            <pc:docMk/>
            <pc:sldMk cId="1279582212" sldId="257"/>
            <ac:spMk id="1659" creationId="{B740462D-2B2D-4398-8C91-E3F4876AF48C}"/>
          </ac:spMkLst>
        </pc:spChg>
        <pc:spChg chg="add del mod modVis">
          <ac:chgData name="Manuel Lidauer" userId="b55e45dd-c6cc-461d-bef5-835fc172e678" providerId="ADAL" clId="{BCD0C6F6-2D95-4A66-B702-D3858BC1FC00}" dt="2019-09-26T09:45:26.671" v="50751"/>
          <ac:spMkLst>
            <pc:docMk/>
            <pc:sldMk cId="1279582212" sldId="257"/>
            <ac:spMk id="1660" creationId="{EAE4B236-CAEA-4111-802B-567FCBDD7E93}"/>
          </ac:spMkLst>
        </pc:spChg>
        <pc:spChg chg="add del mod modVis">
          <ac:chgData name="Manuel Lidauer" userId="b55e45dd-c6cc-461d-bef5-835fc172e678" providerId="ADAL" clId="{BCD0C6F6-2D95-4A66-B702-D3858BC1FC00}" dt="2019-09-26T09:45:26.672" v="50753"/>
          <ac:spMkLst>
            <pc:docMk/>
            <pc:sldMk cId="1279582212" sldId="257"/>
            <ac:spMk id="1661" creationId="{B134270C-54D8-4998-B8B7-F3719E5D219A}"/>
          </ac:spMkLst>
        </pc:spChg>
        <pc:spChg chg="add del mod modVis">
          <ac:chgData name="Manuel Lidauer" userId="b55e45dd-c6cc-461d-bef5-835fc172e678" providerId="ADAL" clId="{BCD0C6F6-2D95-4A66-B702-D3858BC1FC00}" dt="2019-09-26T09:45:26.673" v="50755"/>
          <ac:spMkLst>
            <pc:docMk/>
            <pc:sldMk cId="1279582212" sldId="257"/>
            <ac:spMk id="1662" creationId="{947A7B72-B158-4616-82D6-257895483795}"/>
          </ac:spMkLst>
        </pc:spChg>
        <pc:spChg chg="add del mod modVis">
          <ac:chgData name="Manuel Lidauer" userId="b55e45dd-c6cc-461d-bef5-835fc172e678" providerId="ADAL" clId="{BCD0C6F6-2D95-4A66-B702-D3858BC1FC00}" dt="2019-09-26T09:45:26.674" v="50757"/>
          <ac:spMkLst>
            <pc:docMk/>
            <pc:sldMk cId="1279582212" sldId="257"/>
            <ac:spMk id="1663" creationId="{29930D4E-CE17-4F20-B871-06E4AEDDD8D3}"/>
          </ac:spMkLst>
        </pc:spChg>
        <pc:spChg chg="add del mod modVis">
          <ac:chgData name="Manuel Lidauer" userId="b55e45dd-c6cc-461d-bef5-835fc172e678" providerId="ADAL" clId="{BCD0C6F6-2D95-4A66-B702-D3858BC1FC00}" dt="2019-09-26T09:45:26.675" v="50759"/>
          <ac:spMkLst>
            <pc:docMk/>
            <pc:sldMk cId="1279582212" sldId="257"/>
            <ac:spMk id="1664" creationId="{AA4B7B33-B7A4-4856-AB3E-21ABA37AFB09}"/>
          </ac:spMkLst>
        </pc:spChg>
        <pc:spChg chg="add del mod modVis">
          <ac:chgData name="Manuel Lidauer" userId="b55e45dd-c6cc-461d-bef5-835fc172e678" providerId="ADAL" clId="{BCD0C6F6-2D95-4A66-B702-D3858BC1FC00}" dt="2019-09-26T09:45:26.676" v="50761"/>
          <ac:spMkLst>
            <pc:docMk/>
            <pc:sldMk cId="1279582212" sldId="257"/>
            <ac:spMk id="1665" creationId="{7EB26197-14E5-49F9-9206-9D064C988876}"/>
          </ac:spMkLst>
        </pc:spChg>
        <pc:spChg chg="add del mod modVis">
          <ac:chgData name="Manuel Lidauer" userId="b55e45dd-c6cc-461d-bef5-835fc172e678" providerId="ADAL" clId="{BCD0C6F6-2D95-4A66-B702-D3858BC1FC00}" dt="2019-09-26T09:45:26.677" v="50763"/>
          <ac:spMkLst>
            <pc:docMk/>
            <pc:sldMk cId="1279582212" sldId="257"/>
            <ac:spMk id="1666" creationId="{7BABCD2D-6137-434B-BB4D-C8AEF6A52A1F}"/>
          </ac:spMkLst>
        </pc:spChg>
        <pc:spChg chg="add del mod modVis">
          <ac:chgData name="Manuel Lidauer" userId="b55e45dd-c6cc-461d-bef5-835fc172e678" providerId="ADAL" clId="{BCD0C6F6-2D95-4A66-B702-D3858BC1FC00}" dt="2019-09-26T09:45:26.677" v="50764"/>
          <ac:spMkLst>
            <pc:docMk/>
            <pc:sldMk cId="1279582212" sldId="257"/>
            <ac:spMk id="1667" creationId="{A5A24B10-6E9D-4A0A-A181-D3E2CC1D4A82}"/>
          </ac:spMkLst>
        </pc:spChg>
        <pc:spChg chg="add del mod modVis">
          <ac:chgData name="Manuel Lidauer" userId="b55e45dd-c6cc-461d-bef5-835fc172e678" providerId="ADAL" clId="{BCD0C6F6-2D95-4A66-B702-D3858BC1FC00}" dt="2019-09-26T09:45:26.678" v="50766"/>
          <ac:spMkLst>
            <pc:docMk/>
            <pc:sldMk cId="1279582212" sldId="257"/>
            <ac:spMk id="1668" creationId="{14926CBB-9DEE-4C26-BA68-FB8B164D3056}"/>
          </ac:spMkLst>
        </pc:spChg>
        <pc:spChg chg="add del mod modVis">
          <ac:chgData name="Manuel Lidauer" userId="b55e45dd-c6cc-461d-bef5-835fc172e678" providerId="ADAL" clId="{BCD0C6F6-2D95-4A66-B702-D3858BC1FC00}" dt="2019-09-26T09:45:26.679" v="50768"/>
          <ac:spMkLst>
            <pc:docMk/>
            <pc:sldMk cId="1279582212" sldId="257"/>
            <ac:spMk id="1669" creationId="{94BE04E7-E885-4C08-8B56-466E1CEBA262}"/>
          </ac:spMkLst>
        </pc:spChg>
        <pc:spChg chg="add del mod modVis">
          <ac:chgData name="Manuel Lidauer" userId="b55e45dd-c6cc-461d-bef5-835fc172e678" providerId="ADAL" clId="{BCD0C6F6-2D95-4A66-B702-D3858BC1FC00}" dt="2019-09-26T09:45:26.680" v="50770"/>
          <ac:spMkLst>
            <pc:docMk/>
            <pc:sldMk cId="1279582212" sldId="257"/>
            <ac:spMk id="1670" creationId="{9E4BB87D-4358-4133-AF92-0F79E3EACA2E}"/>
          </ac:spMkLst>
        </pc:spChg>
        <pc:spChg chg="add del mod modVis">
          <ac:chgData name="Manuel Lidauer" userId="b55e45dd-c6cc-461d-bef5-835fc172e678" providerId="ADAL" clId="{BCD0C6F6-2D95-4A66-B702-D3858BC1FC00}" dt="2019-09-26T09:45:26.680" v="50772"/>
          <ac:spMkLst>
            <pc:docMk/>
            <pc:sldMk cId="1279582212" sldId="257"/>
            <ac:spMk id="1671" creationId="{BDA49014-4953-45DC-BB1F-EA072F1877EB}"/>
          </ac:spMkLst>
        </pc:spChg>
        <pc:spChg chg="add del mod modVis">
          <ac:chgData name="Manuel Lidauer" userId="b55e45dd-c6cc-461d-bef5-835fc172e678" providerId="ADAL" clId="{BCD0C6F6-2D95-4A66-B702-D3858BC1FC00}" dt="2019-09-26T09:45:26.681" v="50774"/>
          <ac:spMkLst>
            <pc:docMk/>
            <pc:sldMk cId="1279582212" sldId="257"/>
            <ac:spMk id="1672" creationId="{774919F7-6C56-425A-90BE-DA726EB9A5B6}"/>
          </ac:spMkLst>
        </pc:spChg>
        <pc:spChg chg="add del mod modVis">
          <ac:chgData name="Manuel Lidauer" userId="b55e45dd-c6cc-461d-bef5-835fc172e678" providerId="ADAL" clId="{BCD0C6F6-2D95-4A66-B702-D3858BC1FC00}" dt="2019-09-26T09:45:26.682" v="50776"/>
          <ac:spMkLst>
            <pc:docMk/>
            <pc:sldMk cId="1279582212" sldId="257"/>
            <ac:spMk id="1673" creationId="{105AF195-C7CF-42AC-BCFE-9F6BAEF4D179}"/>
          </ac:spMkLst>
        </pc:spChg>
        <pc:spChg chg="add del mod modVis">
          <ac:chgData name="Manuel Lidauer" userId="b55e45dd-c6cc-461d-bef5-835fc172e678" providerId="ADAL" clId="{BCD0C6F6-2D95-4A66-B702-D3858BC1FC00}" dt="2019-09-26T09:45:26.682" v="50778"/>
          <ac:spMkLst>
            <pc:docMk/>
            <pc:sldMk cId="1279582212" sldId="257"/>
            <ac:spMk id="1674" creationId="{F0579A86-6057-482A-BF90-785D5681A97B}"/>
          </ac:spMkLst>
        </pc:spChg>
        <pc:spChg chg="add del mod modVis">
          <ac:chgData name="Manuel Lidauer" userId="b55e45dd-c6cc-461d-bef5-835fc172e678" providerId="ADAL" clId="{BCD0C6F6-2D95-4A66-B702-D3858BC1FC00}" dt="2019-09-26T09:45:26.683" v="50779"/>
          <ac:spMkLst>
            <pc:docMk/>
            <pc:sldMk cId="1279582212" sldId="257"/>
            <ac:spMk id="1675" creationId="{4E5B5076-29B0-4DF3-9B3B-E2CDF63CE24B}"/>
          </ac:spMkLst>
        </pc:spChg>
        <pc:spChg chg="add del mod modVis">
          <ac:chgData name="Manuel Lidauer" userId="b55e45dd-c6cc-461d-bef5-835fc172e678" providerId="ADAL" clId="{BCD0C6F6-2D95-4A66-B702-D3858BC1FC00}" dt="2019-09-26T09:45:26.684" v="50781"/>
          <ac:spMkLst>
            <pc:docMk/>
            <pc:sldMk cId="1279582212" sldId="257"/>
            <ac:spMk id="1676" creationId="{F12C0A0A-B8DF-4358-8DA9-300A4DDC7210}"/>
          </ac:spMkLst>
        </pc:spChg>
        <pc:spChg chg="add del mod modVis">
          <ac:chgData name="Manuel Lidauer" userId="b55e45dd-c6cc-461d-bef5-835fc172e678" providerId="ADAL" clId="{BCD0C6F6-2D95-4A66-B702-D3858BC1FC00}" dt="2019-09-26T09:45:26.685" v="50783"/>
          <ac:spMkLst>
            <pc:docMk/>
            <pc:sldMk cId="1279582212" sldId="257"/>
            <ac:spMk id="1677" creationId="{812EC7EB-454F-4070-9075-B7565C501D3D}"/>
          </ac:spMkLst>
        </pc:spChg>
        <pc:spChg chg="add del mod modVis">
          <ac:chgData name="Manuel Lidauer" userId="b55e45dd-c6cc-461d-bef5-835fc172e678" providerId="ADAL" clId="{BCD0C6F6-2D95-4A66-B702-D3858BC1FC00}" dt="2019-09-26T09:45:26.686" v="50785"/>
          <ac:spMkLst>
            <pc:docMk/>
            <pc:sldMk cId="1279582212" sldId="257"/>
            <ac:spMk id="1678" creationId="{25C784DA-845D-4604-8F25-E89499096C25}"/>
          </ac:spMkLst>
        </pc:spChg>
        <pc:spChg chg="add del mod modVis">
          <ac:chgData name="Manuel Lidauer" userId="b55e45dd-c6cc-461d-bef5-835fc172e678" providerId="ADAL" clId="{BCD0C6F6-2D95-4A66-B702-D3858BC1FC00}" dt="2019-09-26T09:45:26.687" v="50787"/>
          <ac:spMkLst>
            <pc:docMk/>
            <pc:sldMk cId="1279582212" sldId="257"/>
            <ac:spMk id="1679" creationId="{244B2A87-5B94-434B-B32F-373B1069728C}"/>
          </ac:spMkLst>
        </pc:spChg>
        <pc:spChg chg="add del mod modVis">
          <ac:chgData name="Manuel Lidauer" userId="b55e45dd-c6cc-461d-bef5-835fc172e678" providerId="ADAL" clId="{BCD0C6F6-2D95-4A66-B702-D3858BC1FC00}" dt="2019-09-26T09:45:26.687" v="50789"/>
          <ac:spMkLst>
            <pc:docMk/>
            <pc:sldMk cId="1279582212" sldId="257"/>
            <ac:spMk id="1680" creationId="{29AFA353-4876-4DB8-97D4-8C34BB79106A}"/>
          </ac:spMkLst>
        </pc:spChg>
        <pc:spChg chg="add del mod modVis">
          <ac:chgData name="Manuel Lidauer" userId="b55e45dd-c6cc-461d-bef5-835fc172e678" providerId="ADAL" clId="{BCD0C6F6-2D95-4A66-B702-D3858BC1FC00}" dt="2019-09-26T09:45:26.688" v="50791"/>
          <ac:spMkLst>
            <pc:docMk/>
            <pc:sldMk cId="1279582212" sldId="257"/>
            <ac:spMk id="1681" creationId="{E0088022-2321-4112-8295-709642A53990}"/>
          </ac:spMkLst>
        </pc:spChg>
        <pc:spChg chg="add del mod modVis">
          <ac:chgData name="Manuel Lidauer" userId="b55e45dd-c6cc-461d-bef5-835fc172e678" providerId="ADAL" clId="{BCD0C6F6-2D95-4A66-B702-D3858BC1FC00}" dt="2019-09-26T09:45:26.688" v="50793"/>
          <ac:spMkLst>
            <pc:docMk/>
            <pc:sldMk cId="1279582212" sldId="257"/>
            <ac:spMk id="1682" creationId="{688D36EA-9AB1-4C96-B477-5281A7CED1D4}"/>
          </ac:spMkLst>
        </pc:spChg>
        <pc:spChg chg="add del mod modVis">
          <ac:chgData name="Manuel Lidauer" userId="b55e45dd-c6cc-461d-bef5-835fc172e678" providerId="ADAL" clId="{BCD0C6F6-2D95-4A66-B702-D3858BC1FC00}" dt="2019-09-26T09:45:26.689" v="50794"/>
          <ac:spMkLst>
            <pc:docMk/>
            <pc:sldMk cId="1279582212" sldId="257"/>
            <ac:spMk id="1683" creationId="{B47ABB62-5462-48D2-BB71-09C227B28B51}"/>
          </ac:spMkLst>
        </pc:spChg>
        <pc:spChg chg="add del mod modVis">
          <ac:chgData name="Manuel Lidauer" userId="b55e45dd-c6cc-461d-bef5-835fc172e678" providerId="ADAL" clId="{BCD0C6F6-2D95-4A66-B702-D3858BC1FC00}" dt="2019-09-26T09:45:26.689" v="50796"/>
          <ac:spMkLst>
            <pc:docMk/>
            <pc:sldMk cId="1279582212" sldId="257"/>
            <ac:spMk id="1684" creationId="{2A4DD2C1-10B5-4403-9462-209997306113}"/>
          </ac:spMkLst>
        </pc:spChg>
        <pc:spChg chg="add del mod modVis">
          <ac:chgData name="Manuel Lidauer" userId="b55e45dd-c6cc-461d-bef5-835fc172e678" providerId="ADAL" clId="{BCD0C6F6-2D95-4A66-B702-D3858BC1FC00}" dt="2019-09-26T09:45:26.690" v="50798"/>
          <ac:spMkLst>
            <pc:docMk/>
            <pc:sldMk cId="1279582212" sldId="257"/>
            <ac:spMk id="1685" creationId="{1149F83B-5D78-4DA2-BF86-AB509F27CB55}"/>
          </ac:spMkLst>
        </pc:spChg>
        <pc:spChg chg="add del mod modVis">
          <ac:chgData name="Manuel Lidauer" userId="b55e45dd-c6cc-461d-bef5-835fc172e678" providerId="ADAL" clId="{BCD0C6F6-2D95-4A66-B702-D3858BC1FC00}" dt="2019-09-26T09:45:26.691" v="50800"/>
          <ac:spMkLst>
            <pc:docMk/>
            <pc:sldMk cId="1279582212" sldId="257"/>
            <ac:spMk id="1686" creationId="{4C083B19-5363-43CF-B8D7-525EFC41EEFE}"/>
          </ac:spMkLst>
        </pc:spChg>
        <pc:spChg chg="add del mod modVis">
          <ac:chgData name="Manuel Lidauer" userId="b55e45dd-c6cc-461d-bef5-835fc172e678" providerId="ADAL" clId="{BCD0C6F6-2D95-4A66-B702-D3858BC1FC00}" dt="2019-09-26T09:45:26.691" v="50802"/>
          <ac:spMkLst>
            <pc:docMk/>
            <pc:sldMk cId="1279582212" sldId="257"/>
            <ac:spMk id="1687" creationId="{85FD79E9-7FF3-4C12-8537-08152B8F9134}"/>
          </ac:spMkLst>
        </pc:spChg>
        <pc:spChg chg="add del mod modVis">
          <ac:chgData name="Manuel Lidauer" userId="b55e45dd-c6cc-461d-bef5-835fc172e678" providerId="ADAL" clId="{BCD0C6F6-2D95-4A66-B702-D3858BC1FC00}" dt="2019-09-26T09:45:26.692" v="50804"/>
          <ac:spMkLst>
            <pc:docMk/>
            <pc:sldMk cId="1279582212" sldId="257"/>
            <ac:spMk id="1688" creationId="{78AD89A5-C681-4D21-B4AA-43213F727362}"/>
          </ac:spMkLst>
        </pc:spChg>
        <pc:spChg chg="add del mod modVis">
          <ac:chgData name="Manuel Lidauer" userId="b55e45dd-c6cc-461d-bef5-835fc172e678" providerId="ADAL" clId="{BCD0C6F6-2D95-4A66-B702-D3858BC1FC00}" dt="2019-09-26T09:45:26.693" v="50806"/>
          <ac:spMkLst>
            <pc:docMk/>
            <pc:sldMk cId="1279582212" sldId="257"/>
            <ac:spMk id="1689" creationId="{6F625B17-826A-4CBA-AD86-0887C9797227}"/>
          </ac:spMkLst>
        </pc:spChg>
        <pc:spChg chg="add del mod modVis">
          <ac:chgData name="Manuel Lidauer" userId="b55e45dd-c6cc-461d-bef5-835fc172e678" providerId="ADAL" clId="{BCD0C6F6-2D95-4A66-B702-D3858BC1FC00}" dt="2019-09-26T09:45:26.693" v="50808"/>
          <ac:spMkLst>
            <pc:docMk/>
            <pc:sldMk cId="1279582212" sldId="257"/>
            <ac:spMk id="1690" creationId="{859F2150-6ECE-47FA-917F-B7A21394F365}"/>
          </ac:spMkLst>
        </pc:spChg>
        <pc:spChg chg="add del mod modVis">
          <ac:chgData name="Manuel Lidauer" userId="b55e45dd-c6cc-461d-bef5-835fc172e678" providerId="ADAL" clId="{BCD0C6F6-2D95-4A66-B702-D3858BC1FC00}" dt="2019-09-26T09:45:26.694" v="50809"/>
          <ac:spMkLst>
            <pc:docMk/>
            <pc:sldMk cId="1279582212" sldId="257"/>
            <ac:spMk id="1691" creationId="{4BBEDE6F-845D-4C5F-BEE2-3D5826DB00A6}"/>
          </ac:spMkLst>
        </pc:spChg>
        <pc:spChg chg="add del mod modVis">
          <ac:chgData name="Manuel Lidauer" userId="b55e45dd-c6cc-461d-bef5-835fc172e678" providerId="ADAL" clId="{BCD0C6F6-2D95-4A66-B702-D3858BC1FC00}" dt="2019-09-26T09:45:26.694" v="50811"/>
          <ac:spMkLst>
            <pc:docMk/>
            <pc:sldMk cId="1279582212" sldId="257"/>
            <ac:spMk id="1692" creationId="{4B25ED47-23D6-4CEA-8911-3F7970AEEFEA}"/>
          </ac:spMkLst>
        </pc:spChg>
        <pc:spChg chg="add del mod modVis">
          <ac:chgData name="Manuel Lidauer" userId="b55e45dd-c6cc-461d-bef5-835fc172e678" providerId="ADAL" clId="{BCD0C6F6-2D95-4A66-B702-D3858BC1FC00}" dt="2019-09-26T09:45:26.695" v="50813"/>
          <ac:spMkLst>
            <pc:docMk/>
            <pc:sldMk cId="1279582212" sldId="257"/>
            <ac:spMk id="1693" creationId="{37807B7D-D09F-42D2-AF05-C4FF58F0D53E}"/>
          </ac:spMkLst>
        </pc:spChg>
        <pc:spChg chg="add del mod modVis">
          <ac:chgData name="Manuel Lidauer" userId="b55e45dd-c6cc-461d-bef5-835fc172e678" providerId="ADAL" clId="{BCD0C6F6-2D95-4A66-B702-D3858BC1FC00}" dt="2019-09-26T09:45:26.696" v="50815"/>
          <ac:spMkLst>
            <pc:docMk/>
            <pc:sldMk cId="1279582212" sldId="257"/>
            <ac:spMk id="1694" creationId="{03FF76C4-799A-4EAA-BBE5-2FCA7BB542EE}"/>
          </ac:spMkLst>
        </pc:spChg>
        <pc:spChg chg="add del mod modVis">
          <ac:chgData name="Manuel Lidauer" userId="b55e45dd-c6cc-461d-bef5-835fc172e678" providerId="ADAL" clId="{BCD0C6F6-2D95-4A66-B702-D3858BC1FC00}" dt="2019-09-26T09:45:26.696" v="50817"/>
          <ac:spMkLst>
            <pc:docMk/>
            <pc:sldMk cId="1279582212" sldId="257"/>
            <ac:spMk id="1695" creationId="{151A0141-B08F-443A-ABE1-572C0552BFA4}"/>
          </ac:spMkLst>
        </pc:spChg>
        <pc:spChg chg="add del mod modVis">
          <ac:chgData name="Manuel Lidauer" userId="b55e45dd-c6cc-461d-bef5-835fc172e678" providerId="ADAL" clId="{BCD0C6F6-2D95-4A66-B702-D3858BC1FC00}" dt="2019-09-26T09:45:26.697" v="50819"/>
          <ac:spMkLst>
            <pc:docMk/>
            <pc:sldMk cId="1279582212" sldId="257"/>
            <ac:spMk id="1696" creationId="{9AB7D758-AD37-441F-AC53-475CDA3A32EE}"/>
          </ac:spMkLst>
        </pc:spChg>
        <pc:spChg chg="add del mod modVis">
          <ac:chgData name="Manuel Lidauer" userId="b55e45dd-c6cc-461d-bef5-835fc172e678" providerId="ADAL" clId="{BCD0C6F6-2D95-4A66-B702-D3858BC1FC00}" dt="2019-09-26T09:45:26.698" v="50821"/>
          <ac:spMkLst>
            <pc:docMk/>
            <pc:sldMk cId="1279582212" sldId="257"/>
            <ac:spMk id="1697" creationId="{2676FBC2-B6E9-4B0B-8987-4B2B8A672D6D}"/>
          </ac:spMkLst>
        </pc:spChg>
        <pc:spChg chg="add del mod modVis">
          <ac:chgData name="Manuel Lidauer" userId="b55e45dd-c6cc-461d-bef5-835fc172e678" providerId="ADAL" clId="{BCD0C6F6-2D95-4A66-B702-D3858BC1FC00}" dt="2019-09-26T09:45:26.698" v="50823"/>
          <ac:spMkLst>
            <pc:docMk/>
            <pc:sldMk cId="1279582212" sldId="257"/>
            <ac:spMk id="1698" creationId="{A69D8618-271C-4648-9F5A-85D3C2A6CCD8}"/>
          </ac:spMkLst>
        </pc:spChg>
        <pc:spChg chg="add del mod modVis">
          <ac:chgData name="Manuel Lidauer" userId="b55e45dd-c6cc-461d-bef5-835fc172e678" providerId="ADAL" clId="{BCD0C6F6-2D95-4A66-B702-D3858BC1FC00}" dt="2019-09-26T09:45:26.699" v="50824"/>
          <ac:spMkLst>
            <pc:docMk/>
            <pc:sldMk cId="1279582212" sldId="257"/>
            <ac:spMk id="1699" creationId="{FA622A18-E3D1-4049-80ED-592917818798}"/>
          </ac:spMkLst>
        </pc:spChg>
        <pc:spChg chg="add del mod modVis">
          <ac:chgData name="Manuel Lidauer" userId="b55e45dd-c6cc-461d-bef5-835fc172e678" providerId="ADAL" clId="{BCD0C6F6-2D95-4A66-B702-D3858BC1FC00}" dt="2019-09-26T09:45:26.699" v="50826"/>
          <ac:spMkLst>
            <pc:docMk/>
            <pc:sldMk cId="1279582212" sldId="257"/>
            <ac:spMk id="1700" creationId="{3CE1DDE2-37D1-4880-83FA-42BFF0F3E23D}"/>
          </ac:spMkLst>
        </pc:spChg>
        <pc:spChg chg="add del mod modVis">
          <ac:chgData name="Manuel Lidauer" userId="b55e45dd-c6cc-461d-bef5-835fc172e678" providerId="ADAL" clId="{BCD0C6F6-2D95-4A66-B702-D3858BC1FC00}" dt="2019-09-26T09:45:26.700" v="50828"/>
          <ac:spMkLst>
            <pc:docMk/>
            <pc:sldMk cId="1279582212" sldId="257"/>
            <ac:spMk id="1701" creationId="{E2F6C2F0-7F8A-453C-9C93-54E0E85AEB86}"/>
          </ac:spMkLst>
        </pc:spChg>
        <pc:spChg chg="add del mod modVis">
          <ac:chgData name="Manuel Lidauer" userId="b55e45dd-c6cc-461d-bef5-835fc172e678" providerId="ADAL" clId="{BCD0C6F6-2D95-4A66-B702-D3858BC1FC00}" dt="2019-09-26T09:45:26.701" v="50830"/>
          <ac:spMkLst>
            <pc:docMk/>
            <pc:sldMk cId="1279582212" sldId="257"/>
            <ac:spMk id="1702" creationId="{1912F5CA-F4F6-40D2-A525-C9AA6B3B7417}"/>
          </ac:spMkLst>
        </pc:spChg>
        <pc:spChg chg="add del mod modVis">
          <ac:chgData name="Manuel Lidauer" userId="b55e45dd-c6cc-461d-bef5-835fc172e678" providerId="ADAL" clId="{BCD0C6F6-2D95-4A66-B702-D3858BC1FC00}" dt="2019-09-26T09:45:26.702" v="50832"/>
          <ac:spMkLst>
            <pc:docMk/>
            <pc:sldMk cId="1279582212" sldId="257"/>
            <ac:spMk id="1703" creationId="{C0D9D364-C6FD-45B0-BC39-815DD99B9B0E}"/>
          </ac:spMkLst>
        </pc:spChg>
        <pc:spChg chg="add del mod modVis">
          <ac:chgData name="Manuel Lidauer" userId="b55e45dd-c6cc-461d-bef5-835fc172e678" providerId="ADAL" clId="{BCD0C6F6-2D95-4A66-B702-D3858BC1FC00}" dt="2019-09-26T09:45:26.703" v="50834"/>
          <ac:spMkLst>
            <pc:docMk/>
            <pc:sldMk cId="1279582212" sldId="257"/>
            <ac:spMk id="1704" creationId="{88F6DFA3-FB99-49EA-A9B7-FD92353CAE01}"/>
          </ac:spMkLst>
        </pc:spChg>
        <pc:spChg chg="add del mod modVis">
          <ac:chgData name="Manuel Lidauer" userId="b55e45dd-c6cc-461d-bef5-835fc172e678" providerId="ADAL" clId="{BCD0C6F6-2D95-4A66-B702-D3858BC1FC00}" dt="2019-09-26T09:45:26.704" v="50836"/>
          <ac:spMkLst>
            <pc:docMk/>
            <pc:sldMk cId="1279582212" sldId="257"/>
            <ac:spMk id="1705" creationId="{F6D363BC-5D96-4DF8-9A8F-D5F36439031D}"/>
          </ac:spMkLst>
        </pc:spChg>
        <pc:spChg chg="add del mod modVis">
          <ac:chgData name="Manuel Lidauer" userId="b55e45dd-c6cc-461d-bef5-835fc172e678" providerId="ADAL" clId="{BCD0C6F6-2D95-4A66-B702-D3858BC1FC00}" dt="2019-09-26T09:45:26.705" v="50838"/>
          <ac:spMkLst>
            <pc:docMk/>
            <pc:sldMk cId="1279582212" sldId="257"/>
            <ac:spMk id="1706" creationId="{C75B1211-813A-4B3A-B82B-308C41FFACD1}"/>
          </ac:spMkLst>
        </pc:spChg>
        <pc:spChg chg="add del mod modVis">
          <ac:chgData name="Manuel Lidauer" userId="b55e45dd-c6cc-461d-bef5-835fc172e678" providerId="ADAL" clId="{BCD0C6F6-2D95-4A66-B702-D3858BC1FC00}" dt="2019-09-26T09:45:26.705" v="50839"/>
          <ac:spMkLst>
            <pc:docMk/>
            <pc:sldMk cId="1279582212" sldId="257"/>
            <ac:spMk id="1707" creationId="{564C741E-56DE-40A1-BF2A-CC326D44CC92}"/>
          </ac:spMkLst>
        </pc:spChg>
        <pc:spChg chg="add del mod modVis">
          <ac:chgData name="Manuel Lidauer" userId="b55e45dd-c6cc-461d-bef5-835fc172e678" providerId="ADAL" clId="{BCD0C6F6-2D95-4A66-B702-D3858BC1FC00}" dt="2019-09-26T09:45:26.706" v="50841"/>
          <ac:spMkLst>
            <pc:docMk/>
            <pc:sldMk cId="1279582212" sldId="257"/>
            <ac:spMk id="1708" creationId="{81BAB840-A020-4935-8905-83EFBBEAE286}"/>
          </ac:spMkLst>
        </pc:spChg>
        <pc:spChg chg="add del mod modVis">
          <ac:chgData name="Manuel Lidauer" userId="b55e45dd-c6cc-461d-bef5-835fc172e678" providerId="ADAL" clId="{BCD0C6F6-2D95-4A66-B702-D3858BC1FC00}" dt="2019-09-26T09:45:26.706" v="50843"/>
          <ac:spMkLst>
            <pc:docMk/>
            <pc:sldMk cId="1279582212" sldId="257"/>
            <ac:spMk id="1709" creationId="{0CA9ACBF-0A80-4905-A517-9A7475401261}"/>
          </ac:spMkLst>
        </pc:spChg>
        <pc:spChg chg="add del mod modVis">
          <ac:chgData name="Manuel Lidauer" userId="b55e45dd-c6cc-461d-bef5-835fc172e678" providerId="ADAL" clId="{BCD0C6F6-2D95-4A66-B702-D3858BC1FC00}" dt="2019-09-26T09:45:26.707" v="50845"/>
          <ac:spMkLst>
            <pc:docMk/>
            <pc:sldMk cId="1279582212" sldId="257"/>
            <ac:spMk id="1710" creationId="{23A89E46-124D-4602-89AE-54F51BC5EE6C}"/>
          </ac:spMkLst>
        </pc:spChg>
        <pc:spChg chg="add del mod modVis">
          <ac:chgData name="Manuel Lidauer" userId="b55e45dd-c6cc-461d-bef5-835fc172e678" providerId="ADAL" clId="{BCD0C6F6-2D95-4A66-B702-D3858BC1FC00}" dt="2019-09-26T09:45:26.708" v="50847"/>
          <ac:spMkLst>
            <pc:docMk/>
            <pc:sldMk cId="1279582212" sldId="257"/>
            <ac:spMk id="1711" creationId="{D74654B1-75BD-4797-B9AB-B9BF836C9E83}"/>
          </ac:spMkLst>
        </pc:spChg>
        <pc:spChg chg="add del mod modVis">
          <ac:chgData name="Manuel Lidauer" userId="b55e45dd-c6cc-461d-bef5-835fc172e678" providerId="ADAL" clId="{BCD0C6F6-2D95-4A66-B702-D3858BC1FC00}" dt="2019-09-26T09:45:26.708" v="50849"/>
          <ac:spMkLst>
            <pc:docMk/>
            <pc:sldMk cId="1279582212" sldId="257"/>
            <ac:spMk id="1712" creationId="{3509AED0-F60D-4876-BB74-0686B59A63D1}"/>
          </ac:spMkLst>
        </pc:spChg>
        <pc:spChg chg="add del mod modVis">
          <ac:chgData name="Manuel Lidauer" userId="b55e45dd-c6cc-461d-bef5-835fc172e678" providerId="ADAL" clId="{BCD0C6F6-2D95-4A66-B702-D3858BC1FC00}" dt="2019-09-26T09:45:26.709" v="50851"/>
          <ac:spMkLst>
            <pc:docMk/>
            <pc:sldMk cId="1279582212" sldId="257"/>
            <ac:spMk id="1713" creationId="{FDCF4894-B280-49ED-BF59-D6E52762BA1C}"/>
          </ac:spMkLst>
        </pc:spChg>
        <pc:spChg chg="add del mod modVis">
          <ac:chgData name="Manuel Lidauer" userId="b55e45dd-c6cc-461d-bef5-835fc172e678" providerId="ADAL" clId="{BCD0C6F6-2D95-4A66-B702-D3858BC1FC00}" dt="2019-09-26T09:45:26.709" v="50853"/>
          <ac:spMkLst>
            <pc:docMk/>
            <pc:sldMk cId="1279582212" sldId="257"/>
            <ac:spMk id="1714" creationId="{8A04425D-95E6-47C4-86AB-FDAEA558CCC2}"/>
          </ac:spMkLst>
        </pc:spChg>
        <pc:spChg chg="add del mod modVis">
          <ac:chgData name="Manuel Lidauer" userId="b55e45dd-c6cc-461d-bef5-835fc172e678" providerId="ADAL" clId="{BCD0C6F6-2D95-4A66-B702-D3858BC1FC00}" dt="2019-09-26T09:45:26.709" v="50854"/>
          <ac:spMkLst>
            <pc:docMk/>
            <pc:sldMk cId="1279582212" sldId="257"/>
            <ac:spMk id="1715" creationId="{4906A9A1-5BC7-43DE-82AD-2A3298024E74}"/>
          </ac:spMkLst>
        </pc:spChg>
        <pc:spChg chg="add del mod modVis">
          <ac:chgData name="Manuel Lidauer" userId="b55e45dd-c6cc-461d-bef5-835fc172e678" providerId="ADAL" clId="{BCD0C6F6-2D95-4A66-B702-D3858BC1FC00}" dt="2019-09-26T09:45:26.710" v="50856"/>
          <ac:spMkLst>
            <pc:docMk/>
            <pc:sldMk cId="1279582212" sldId="257"/>
            <ac:spMk id="1716" creationId="{BB9E9D69-C964-425F-B928-2A1D0195E43D}"/>
          </ac:spMkLst>
        </pc:spChg>
        <pc:spChg chg="add del mod modVis">
          <ac:chgData name="Manuel Lidauer" userId="b55e45dd-c6cc-461d-bef5-835fc172e678" providerId="ADAL" clId="{BCD0C6F6-2D95-4A66-B702-D3858BC1FC00}" dt="2019-09-26T09:45:26.710" v="50858"/>
          <ac:spMkLst>
            <pc:docMk/>
            <pc:sldMk cId="1279582212" sldId="257"/>
            <ac:spMk id="1717" creationId="{F35CC548-3E13-4692-9E74-03804D6F7F3E}"/>
          </ac:spMkLst>
        </pc:spChg>
        <pc:spChg chg="add del mod modVis">
          <ac:chgData name="Manuel Lidauer" userId="b55e45dd-c6cc-461d-bef5-835fc172e678" providerId="ADAL" clId="{BCD0C6F6-2D95-4A66-B702-D3858BC1FC00}" dt="2019-09-26T09:45:26.711" v="50860"/>
          <ac:spMkLst>
            <pc:docMk/>
            <pc:sldMk cId="1279582212" sldId="257"/>
            <ac:spMk id="1718" creationId="{E10A269D-C016-4485-9393-3215F4ECCBA9}"/>
          </ac:spMkLst>
        </pc:spChg>
        <pc:spChg chg="add del mod modVis">
          <ac:chgData name="Manuel Lidauer" userId="b55e45dd-c6cc-461d-bef5-835fc172e678" providerId="ADAL" clId="{BCD0C6F6-2D95-4A66-B702-D3858BC1FC00}" dt="2019-09-26T09:45:26.712" v="50862"/>
          <ac:spMkLst>
            <pc:docMk/>
            <pc:sldMk cId="1279582212" sldId="257"/>
            <ac:spMk id="1719" creationId="{F4BA1031-BC0F-46C8-9E2F-BA8E0C54FED6}"/>
          </ac:spMkLst>
        </pc:spChg>
        <pc:spChg chg="add del mod modVis">
          <ac:chgData name="Manuel Lidauer" userId="b55e45dd-c6cc-461d-bef5-835fc172e678" providerId="ADAL" clId="{BCD0C6F6-2D95-4A66-B702-D3858BC1FC00}" dt="2019-09-26T09:45:26.712" v="50864"/>
          <ac:spMkLst>
            <pc:docMk/>
            <pc:sldMk cId="1279582212" sldId="257"/>
            <ac:spMk id="1720" creationId="{F8252903-5B46-40CD-8B33-BCE13B308F33}"/>
          </ac:spMkLst>
        </pc:spChg>
        <pc:spChg chg="add del mod modVis">
          <ac:chgData name="Manuel Lidauer" userId="b55e45dd-c6cc-461d-bef5-835fc172e678" providerId="ADAL" clId="{BCD0C6F6-2D95-4A66-B702-D3858BC1FC00}" dt="2019-09-26T09:45:26.713" v="50866"/>
          <ac:spMkLst>
            <pc:docMk/>
            <pc:sldMk cId="1279582212" sldId="257"/>
            <ac:spMk id="1721" creationId="{46756637-D9A7-407A-B47F-67BEF11024A6}"/>
          </ac:spMkLst>
        </pc:spChg>
        <pc:spChg chg="add del mod modVis">
          <ac:chgData name="Manuel Lidauer" userId="b55e45dd-c6cc-461d-bef5-835fc172e678" providerId="ADAL" clId="{BCD0C6F6-2D95-4A66-B702-D3858BC1FC00}" dt="2019-09-26T09:45:26.713" v="50868"/>
          <ac:spMkLst>
            <pc:docMk/>
            <pc:sldMk cId="1279582212" sldId="257"/>
            <ac:spMk id="1722" creationId="{ED43F1BB-777B-4816-9F5B-E1552BBC21F3}"/>
          </ac:spMkLst>
        </pc:spChg>
        <pc:spChg chg="add del mod modVis">
          <ac:chgData name="Manuel Lidauer" userId="b55e45dd-c6cc-461d-bef5-835fc172e678" providerId="ADAL" clId="{BCD0C6F6-2D95-4A66-B702-D3858BC1FC00}" dt="2019-09-26T09:45:26.714" v="50869"/>
          <ac:spMkLst>
            <pc:docMk/>
            <pc:sldMk cId="1279582212" sldId="257"/>
            <ac:spMk id="1723" creationId="{A825F221-42FA-413E-B244-8EEB80057CC6}"/>
          </ac:spMkLst>
        </pc:spChg>
        <pc:spChg chg="add del mod modVis">
          <ac:chgData name="Manuel Lidauer" userId="b55e45dd-c6cc-461d-bef5-835fc172e678" providerId="ADAL" clId="{BCD0C6F6-2D95-4A66-B702-D3858BC1FC00}" dt="2019-09-26T09:45:26.715" v="50871"/>
          <ac:spMkLst>
            <pc:docMk/>
            <pc:sldMk cId="1279582212" sldId="257"/>
            <ac:spMk id="1724" creationId="{1FEDC5AA-D0A4-4B8C-8B36-C7B05DBCB6BA}"/>
          </ac:spMkLst>
        </pc:spChg>
        <pc:spChg chg="add del mod modVis">
          <ac:chgData name="Manuel Lidauer" userId="b55e45dd-c6cc-461d-bef5-835fc172e678" providerId="ADAL" clId="{BCD0C6F6-2D95-4A66-B702-D3858BC1FC00}" dt="2019-09-26T09:45:26.715" v="50873"/>
          <ac:spMkLst>
            <pc:docMk/>
            <pc:sldMk cId="1279582212" sldId="257"/>
            <ac:spMk id="1725" creationId="{4D303E59-1B96-4F11-AE28-043B467D0725}"/>
          </ac:spMkLst>
        </pc:spChg>
        <pc:spChg chg="add del mod modVis">
          <ac:chgData name="Manuel Lidauer" userId="b55e45dd-c6cc-461d-bef5-835fc172e678" providerId="ADAL" clId="{BCD0C6F6-2D95-4A66-B702-D3858BC1FC00}" dt="2019-09-26T09:45:26.717" v="50875"/>
          <ac:spMkLst>
            <pc:docMk/>
            <pc:sldMk cId="1279582212" sldId="257"/>
            <ac:spMk id="1726" creationId="{C097B056-85BD-4CBA-BAD8-302597DA0BDB}"/>
          </ac:spMkLst>
        </pc:spChg>
        <pc:spChg chg="add del mod modVis">
          <ac:chgData name="Manuel Lidauer" userId="b55e45dd-c6cc-461d-bef5-835fc172e678" providerId="ADAL" clId="{BCD0C6F6-2D95-4A66-B702-D3858BC1FC00}" dt="2019-09-26T09:45:26.718" v="50877"/>
          <ac:spMkLst>
            <pc:docMk/>
            <pc:sldMk cId="1279582212" sldId="257"/>
            <ac:spMk id="1727" creationId="{ADC7DB0E-CEAB-4749-A8BA-62D3CE8C2797}"/>
          </ac:spMkLst>
        </pc:spChg>
        <pc:spChg chg="add del mod modVis">
          <ac:chgData name="Manuel Lidauer" userId="b55e45dd-c6cc-461d-bef5-835fc172e678" providerId="ADAL" clId="{BCD0C6F6-2D95-4A66-B702-D3858BC1FC00}" dt="2019-09-26T09:45:26.718" v="50879"/>
          <ac:spMkLst>
            <pc:docMk/>
            <pc:sldMk cId="1279582212" sldId="257"/>
            <ac:spMk id="1728" creationId="{18DDDF78-5F70-434D-B787-DD2A999A6DE2}"/>
          </ac:spMkLst>
        </pc:spChg>
        <pc:spChg chg="add del mod modVis">
          <ac:chgData name="Manuel Lidauer" userId="b55e45dd-c6cc-461d-bef5-835fc172e678" providerId="ADAL" clId="{BCD0C6F6-2D95-4A66-B702-D3858BC1FC00}" dt="2019-09-26T09:45:26.719" v="50881"/>
          <ac:spMkLst>
            <pc:docMk/>
            <pc:sldMk cId="1279582212" sldId="257"/>
            <ac:spMk id="1729" creationId="{0933A18D-0484-43D4-BBB2-DBF4FE7A7D59}"/>
          </ac:spMkLst>
        </pc:spChg>
        <pc:spChg chg="add del mod modVis">
          <ac:chgData name="Manuel Lidauer" userId="b55e45dd-c6cc-461d-bef5-835fc172e678" providerId="ADAL" clId="{BCD0C6F6-2D95-4A66-B702-D3858BC1FC00}" dt="2019-09-26T09:45:26.719" v="50883"/>
          <ac:spMkLst>
            <pc:docMk/>
            <pc:sldMk cId="1279582212" sldId="257"/>
            <ac:spMk id="1730" creationId="{8A9F80F6-15F7-4EC4-BDC8-B5EF7735D410}"/>
          </ac:spMkLst>
        </pc:spChg>
        <pc:spChg chg="add del mod modVis">
          <ac:chgData name="Manuel Lidauer" userId="b55e45dd-c6cc-461d-bef5-835fc172e678" providerId="ADAL" clId="{BCD0C6F6-2D95-4A66-B702-D3858BC1FC00}" dt="2019-09-26T09:45:26.720" v="50884"/>
          <ac:spMkLst>
            <pc:docMk/>
            <pc:sldMk cId="1279582212" sldId="257"/>
            <ac:spMk id="1731" creationId="{81074C14-7839-4CBB-8FE1-C9EDB81525F7}"/>
          </ac:spMkLst>
        </pc:spChg>
        <pc:spChg chg="add del mod modVis">
          <ac:chgData name="Manuel Lidauer" userId="b55e45dd-c6cc-461d-bef5-835fc172e678" providerId="ADAL" clId="{BCD0C6F6-2D95-4A66-B702-D3858BC1FC00}" dt="2019-09-26T09:45:26.720" v="50886"/>
          <ac:spMkLst>
            <pc:docMk/>
            <pc:sldMk cId="1279582212" sldId="257"/>
            <ac:spMk id="1732" creationId="{D754C8EA-D275-4CF6-A9C0-3993ECF19D82}"/>
          </ac:spMkLst>
        </pc:spChg>
        <pc:spChg chg="add del mod modVis">
          <ac:chgData name="Manuel Lidauer" userId="b55e45dd-c6cc-461d-bef5-835fc172e678" providerId="ADAL" clId="{BCD0C6F6-2D95-4A66-B702-D3858BC1FC00}" dt="2019-09-26T09:45:26.721" v="50888"/>
          <ac:spMkLst>
            <pc:docMk/>
            <pc:sldMk cId="1279582212" sldId="257"/>
            <ac:spMk id="1733" creationId="{C3FFC2CC-DA61-4598-A28E-61555C066243}"/>
          </ac:spMkLst>
        </pc:spChg>
        <pc:spChg chg="add del mod modVis">
          <ac:chgData name="Manuel Lidauer" userId="b55e45dd-c6cc-461d-bef5-835fc172e678" providerId="ADAL" clId="{BCD0C6F6-2D95-4A66-B702-D3858BC1FC00}" dt="2019-09-26T09:45:26.722" v="50890"/>
          <ac:spMkLst>
            <pc:docMk/>
            <pc:sldMk cId="1279582212" sldId="257"/>
            <ac:spMk id="1734" creationId="{A67BAFB3-D149-4A9C-9284-03D470789DC7}"/>
          </ac:spMkLst>
        </pc:spChg>
        <pc:spChg chg="add del mod modVis">
          <ac:chgData name="Manuel Lidauer" userId="b55e45dd-c6cc-461d-bef5-835fc172e678" providerId="ADAL" clId="{BCD0C6F6-2D95-4A66-B702-D3858BC1FC00}" dt="2019-09-26T09:45:26.722" v="50892"/>
          <ac:spMkLst>
            <pc:docMk/>
            <pc:sldMk cId="1279582212" sldId="257"/>
            <ac:spMk id="1735" creationId="{C816DE91-6A5E-4467-AB80-F63BC64E780D}"/>
          </ac:spMkLst>
        </pc:spChg>
        <pc:spChg chg="add del mod modVis">
          <ac:chgData name="Manuel Lidauer" userId="b55e45dd-c6cc-461d-bef5-835fc172e678" providerId="ADAL" clId="{BCD0C6F6-2D95-4A66-B702-D3858BC1FC00}" dt="2019-09-26T09:45:26.723" v="50894"/>
          <ac:spMkLst>
            <pc:docMk/>
            <pc:sldMk cId="1279582212" sldId="257"/>
            <ac:spMk id="1736" creationId="{821FB103-CA6F-4B47-9585-21FCCD74A9C7}"/>
          </ac:spMkLst>
        </pc:spChg>
        <pc:spChg chg="add del mod modVis">
          <ac:chgData name="Manuel Lidauer" userId="b55e45dd-c6cc-461d-bef5-835fc172e678" providerId="ADAL" clId="{BCD0C6F6-2D95-4A66-B702-D3858BC1FC00}" dt="2019-09-26T09:45:26.724" v="50896"/>
          <ac:spMkLst>
            <pc:docMk/>
            <pc:sldMk cId="1279582212" sldId="257"/>
            <ac:spMk id="1737" creationId="{C4B1F1B6-A27D-40CB-9DF7-635E2FDA52E9}"/>
          </ac:spMkLst>
        </pc:spChg>
        <pc:spChg chg="add del mod modVis">
          <ac:chgData name="Manuel Lidauer" userId="b55e45dd-c6cc-461d-bef5-835fc172e678" providerId="ADAL" clId="{BCD0C6F6-2D95-4A66-B702-D3858BC1FC00}" dt="2019-09-26T09:45:26.724" v="50898"/>
          <ac:spMkLst>
            <pc:docMk/>
            <pc:sldMk cId="1279582212" sldId="257"/>
            <ac:spMk id="1738" creationId="{CB78F3FF-51DB-4136-8D55-32846C79909E}"/>
          </ac:spMkLst>
        </pc:spChg>
        <pc:spChg chg="add del mod modVis">
          <ac:chgData name="Manuel Lidauer" userId="b55e45dd-c6cc-461d-bef5-835fc172e678" providerId="ADAL" clId="{BCD0C6F6-2D95-4A66-B702-D3858BC1FC00}" dt="2019-09-26T09:45:26.725" v="50899"/>
          <ac:spMkLst>
            <pc:docMk/>
            <pc:sldMk cId="1279582212" sldId="257"/>
            <ac:spMk id="1739" creationId="{0C33BC41-F090-4F5A-A7A7-F62E4692B85A}"/>
          </ac:spMkLst>
        </pc:spChg>
        <pc:spChg chg="add del mod modVis">
          <ac:chgData name="Manuel Lidauer" userId="b55e45dd-c6cc-461d-bef5-835fc172e678" providerId="ADAL" clId="{BCD0C6F6-2D95-4A66-B702-D3858BC1FC00}" dt="2019-09-26T09:45:26.725" v="50901"/>
          <ac:spMkLst>
            <pc:docMk/>
            <pc:sldMk cId="1279582212" sldId="257"/>
            <ac:spMk id="1740" creationId="{464F3C20-10B7-468E-B29F-E9C62514CD7A}"/>
          </ac:spMkLst>
        </pc:spChg>
        <pc:spChg chg="add del mod modVis">
          <ac:chgData name="Manuel Lidauer" userId="b55e45dd-c6cc-461d-bef5-835fc172e678" providerId="ADAL" clId="{BCD0C6F6-2D95-4A66-B702-D3858BC1FC00}" dt="2019-09-26T09:45:26.726" v="50903"/>
          <ac:spMkLst>
            <pc:docMk/>
            <pc:sldMk cId="1279582212" sldId="257"/>
            <ac:spMk id="1741" creationId="{D3F5911E-5415-45F1-95E5-2D751CFDE126}"/>
          </ac:spMkLst>
        </pc:spChg>
        <pc:spChg chg="add del mod modVis">
          <ac:chgData name="Manuel Lidauer" userId="b55e45dd-c6cc-461d-bef5-835fc172e678" providerId="ADAL" clId="{BCD0C6F6-2D95-4A66-B702-D3858BC1FC00}" dt="2019-09-26T09:45:26.727" v="50905"/>
          <ac:spMkLst>
            <pc:docMk/>
            <pc:sldMk cId="1279582212" sldId="257"/>
            <ac:spMk id="1742" creationId="{A8A286BC-BD16-4FA0-851F-85482C6650A9}"/>
          </ac:spMkLst>
        </pc:spChg>
        <pc:spChg chg="add del mod modVis">
          <ac:chgData name="Manuel Lidauer" userId="b55e45dd-c6cc-461d-bef5-835fc172e678" providerId="ADAL" clId="{BCD0C6F6-2D95-4A66-B702-D3858BC1FC00}" dt="2019-09-26T09:45:26.727" v="50907"/>
          <ac:spMkLst>
            <pc:docMk/>
            <pc:sldMk cId="1279582212" sldId="257"/>
            <ac:spMk id="1743" creationId="{FCFBA2FF-B821-4219-A59B-EAEB10BB4B5A}"/>
          </ac:spMkLst>
        </pc:spChg>
        <pc:spChg chg="add del mod modVis">
          <ac:chgData name="Manuel Lidauer" userId="b55e45dd-c6cc-461d-bef5-835fc172e678" providerId="ADAL" clId="{BCD0C6F6-2D95-4A66-B702-D3858BC1FC00}" dt="2019-09-26T09:45:26.728" v="50909"/>
          <ac:spMkLst>
            <pc:docMk/>
            <pc:sldMk cId="1279582212" sldId="257"/>
            <ac:spMk id="1744" creationId="{2E47396E-92C5-4459-AFD4-5D2CDEB551B3}"/>
          </ac:spMkLst>
        </pc:spChg>
        <pc:spChg chg="add del mod modVis">
          <ac:chgData name="Manuel Lidauer" userId="b55e45dd-c6cc-461d-bef5-835fc172e678" providerId="ADAL" clId="{BCD0C6F6-2D95-4A66-B702-D3858BC1FC00}" dt="2019-09-26T09:45:26.729" v="50911"/>
          <ac:spMkLst>
            <pc:docMk/>
            <pc:sldMk cId="1279582212" sldId="257"/>
            <ac:spMk id="1745" creationId="{CB00DF88-31EE-4B23-8D14-AAC194FA7C1F}"/>
          </ac:spMkLst>
        </pc:spChg>
        <pc:spChg chg="add del mod modVis">
          <ac:chgData name="Manuel Lidauer" userId="b55e45dd-c6cc-461d-bef5-835fc172e678" providerId="ADAL" clId="{BCD0C6F6-2D95-4A66-B702-D3858BC1FC00}" dt="2019-09-26T09:45:26.729" v="50913"/>
          <ac:spMkLst>
            <pc:docMk/>
            <pc:sldMk cId="1279582212" sldId="257"/>
            <ac:spMk id="1746" creationId="{87B0055A-D388-4ACA-94F6-9B27E2424324}"/>
          </ac:spMkLst>
        </pc:spChg>
        <pc:spChg chg="add del mod modVis">
          <ac:chgData name="Manuel Lidauer" userId="b55e45dd-c6cc-461d-bef5-835fc172e678" providerId="ADAL" clId="{BCD0C6F6-2D95-4A66-B702-D3858BC1FC00}" dt="2019-09-26T09:45:26.730" v="50914"/>
          <ac:spMkLst>
            <pc:docMk/>
            <pc:sldMk cId="1279582212" sldId="257"/>
            <ac:spMk id="1747" creationId="{5318416A-311D-4352-9750-96D5DE1B1571}"/>
          </ac:spMkLst>
        </pc:spChg>
        <pc:spChg chg="add del mod modVis">
          <ac:chgData name="Manuel Lidauer" userId="b55e45dd-c6cc-461d-bef5-835fc172e678" providerId="ADAL" clId="{BCD0C6F6-2D95-4A66-B702-D3858BC1FC00}" dt="2019-09-26T09:45:26.730" v="50916"/>
          <ac:spMkLst>
            <pc:docMk/>
            <pc:sldMk cId="1279582212" sldId="257"/>
            <ac:spMk id="1748" creationId="{7EE195C9-D335-4177-9A07-5DE4243AC146}"/>
          </ac:spMkLst>
        </pc:spChg>
        <pc:spChg chg="add del mod modVis">
          <ac:chgData name="Manuel Lidauer" userId="b55e45dd-c6cc-461d-bef5-835fc172e678" providerId="ADAL" clId="{BCD0C6F6-2D95-4A66-B702-D3858BC1FC00}" dt="2019-09-26T09:45:26.731" v="50918"/>
          <ac:spMkLst>
            <pc:docMk/>
            <pc:sldMk cId="1279582212" sldId="257"/>
            <ac:spMk id="1749" creationId="{5AAFE351-FE6B-4662-A9B0-0453F461CE71}"/>
          </ac:spMkLst>
        </pc:spChg>
        <pc:spChg chg="add del mod modVis">
          <ac:chgData name="Manuel Lidauer" userId="b55e45dd-c6cc-461d-bef5-835fc172e678" providerId="ADAL" clId="{BCD0C6F6-2D95-4A66-B702-D3858BC1FC00}" dt="2019-09-26T09:45:26.731" v="50920"/>
          <ac:spMkLst>
            <pc:docMk/>
            <pc:sldMk cId="1279582212" sldId="257"/>
            <ac:spMk id="1750" creationId="{779AC9DD-41D5-4C9B-A314-F2D1DBFD18C1}"/>
          </ac:spMkLst>
        </pc:spChg>
        <pc:spChg chg="add del mod modVis">
          <ac:chgData name="Manuel Lidauer" userId="b55e45dd-c6cc-461d-bef5-835fc172e678" providerId="ADAL" clId="{BCD0C6F6-2D95-4A66-B702-D3858BC1FC00}" dt="2019-09-26T09:45:26.732" v="50922"/>
          <ac:spMkLst>
            <pc:docMk/>
            <pc:sldMk cId="1279582212" sldId="257"/>
            <ac:spMk id="1751" creationId="{4E46D655-0EBD-4EEC-926E-41ABB4643AB5}"/>
          </ac:spMkLst>
        </pc:spChg>
        <pc:spChg chg="add del mod modVis">
          <ac:chgData name="Manuel Lidauer" userId="b55e45dd-c6cc-461d-bef5-835fc172e678" providerId="ADAL" clId="{BCD0C6F6-2D95-4A66-B702-D3858BC1FC00}" dt="2019-09-26T09:45:26.733" v="50924"/>
          <ac:spMkLst>
            <pc:docMk/>
            <pc:sldMk cId="1279582212" sldId="257"/>
            <ac:spMk id="1752" creationId="{FD6A842E-4CE4-46C7-8AED-3ACE6AE6CA6C}"/>
          </ac:spMkLst>
        </pc:spChg>
        <pc:spChg chg="add del mod modVis">
          <ac:chgData name="Manuel Lidauer" userId="b55e45dd-c6cc-461d-bef5-835fc172e678" providerId="ADAL" clId="{BCD0C6F6-2D95-4A66-B702-D3858BC1FC00}" dt="2019-09-26T09:45:26.735" v="50926"/>
          <ac:spMkLst>
            <pc:docMk/>
            <pc:sldMk cId="1279582212" sldId="257"/>
            <ac:spMk id="1753" creationId="{CA02FBB7-27AE-4C27-9BB5-224CBF67AD8A}"/>
          </ac:spMkLst>
        </pc:spChg>
        <pc:spChg chg="add del mod modVis">
          <ac:chgData name="Manuel Lidauer" userId="b55e45dd-c6cc-461d-bef5-835fc172e678" providerId="ADAL" clId="{BCD0C6F6-2D95-4A66-B702-D3858BC1FC00}" dt="2019-09-26T09:45:26.735" v="50928"/>
          <ac:spMkLst>
            <pc:docMk/>
            <pc:sldMk cId="1279582212" sldId="257"/>
            <ac:spMk id="1754" creationId="{748BC17B-BE05-42DB-8B95-78DE0AF5D056}"/>
          </ac:spMkLst>
        </pc:spChg>
        <pc:spChg chg="add del mod modVis">
          <ac:chgData name="Manuel Lidauer" userId="b55e45dd-c6cc-461d-bef5-835fc172e678" providerId="ADAL" clId="{BCD0C6F6-2D95-4A66-B702-D3858BC1FC00}" dt="2019-09-26T09:45:26.736" v="50929"/>
          <ac:spMkLst>
            <pc:docMk/>
            <pc:sldMk cId="1279582212" sldId="257"/>
            <ac:spMk id="1755" creationId="{17BF7A66-C3E8-4B0B-AC36-180A279B6334}"/>
          </ac:spMkLst>
        </pc:spChg>
        <pc:spChg chg="add del mod modVis">
          <ac:chgData name="Manuel Lidauer" userId="b55e45dd-c6cc-461d-bef5-835fc172e678" providerId="ADAL" clId="{BCD0C6F6-2D95-4A66-B702-D3858BC1FC00}" dt="2019-09-26T09:45:26.737" v="50931"/>
          <ac:spMkLst>
            <pc:docMk/>
            <pc:sldMk cId="1279582212" sldId="257"/>
            <ac:spMk id="1756" creationId="{F171CF5F-DE28-461E-A94F-E19A589D5B66}"/>
          </ac:spMkLst>
        </pc:spChg>
        <pc:spChg chg="add del mod modVis">
          <ac:chgData name="Manuel Lidauer" userId="b55e45dd-c6cc-461d-bef5-835fc172e678" providerId="ADAL" clId="{BCD0C6F6-2D95-4A66-B702-D3858BC1FC00}" dt="2019-09-26T09:45:26.737" v="50933"/>
          <ac:spMkLst>
            <pc:docMk/>
            <pc:sldMk cId="1279582212" sldId="257"/>
            <ac:spMk id="1757" creationId="{C4C89958-8C97-4AD3-B8E5-3BB57645BB36}"/>
          </ac:spMkLst>
        </pc:spChg>
        <pc:spChg chg="add del mod modVis">
          <ac:chgData name="Manuel Lidauer" userId="b55e45dd-c6cc-461d-bef5-835fc172e678" providerId="ADAL" clId="{BCD0C6F6-2D95-4A66-B702-D3858BC1FC00}" dt="2019-09-26T09:45:26.738" v="50935"/>
          <ac:spMkLst>
            <pc:docMk/>
            <pc:sldMk cId="1279582212" sldId="257"/>
            <ac:spMk id="1758" creationId="{D734C9AC-A1FB-4F73-94A4-BE5D52A7559D}"/>
          </ac:spMkLst>
        </pc:spChg>
        <pc:spChg chg="add del mod modVis">
          <ac:chgData name="Manuel Lidauer" userId="b55e45dd-c6cc-461d-bef5-835fc172e678" providerId="ADAL" clId="{BCD0C6F6-2D95-4A66-B702-D3858BC1FC00}" dt="2019-09-26T09:45:26.738" v="50937"/>
          <ac:spMkLst>
            <pc:docMk/>
            <pc:sldMk cId="1279582212" sldId="257"/>
            <ac:spMk id="1759" creationId="{452594E0-DD63-4A9F-899D-61B834E74E14}"/>
          </ac:spMkLst>
        </pc:spChg>
        <pc:spChg chg="add del mod modVis">
          <ac:chgData name="Manuel Lidauer" userId="b55e45dd-c6cc-461d-bef5-835fc172e678" providerId="ADAL" clId="{BCD0C6F6-2D95-4A66-B702-D3858BC1FC00}" dt="2019-09-26T09:45:26.739" v="50939"/>
          <ac:spMkLst>
            <pc:docMk/>
            <pc:sldMk cId="1279582212" sldId="257"/>
            <ac:spMk id="1760" creationId="{5AD382F4-119F-471F-9759-9B305C06067F}"/>
          </ac:spMkLst>
        </pc:spChg>
        <pc:spChg chg="add del mod modVis">
          <ac:chgData name="Manuel Lidauer" userId="b55e45dd-c6cc-461d-bef5-835fc172e678" providerId="ADAL" clId="{BCD0C6F6-2D95-4A66-B702-D3858BC1FC00}" dt="2019-09-26T09:45:26.740" v="50941"/>
          <ac:spMkLst>
            <pc:docMk/>
            <pc:sldMk cId="1279582212" sldId="257"/>
            <ac:spMk id="1761" creationId="{04F2DB6A-632E-4836-9AF8-5DA7B21E2ED9}"/>
          </ac:spMkLst>
        </pc:spChg>
        <pc:spChg chg="add del mod modVis">
          <ac:chgData name="Manuel Lidauer" userId="b55e45dd-c6cc-461d-bef5-835fc172e678" providerId="ADAL" clId="{BCD0C6F6-2D95-4A66-B702-D3858BC1FC00}" dt="2019-09-26T09:45:26.740" v="50943"/>
          <ac:spMkLst>
            <pc:docMk/>
            <pc:sldMk cId="1279582212" sldId="257"/>
            <ac:spMk id="1762" creationId="{BE462D6E-C4EF-4148-85CD-7C5D45A1B5BF}"/>
          </ac:spMkLst>
        </pc:spChg>
        <pc:spChg chg="add del mod modVis">
          <ac:chgData name="Manuel Lidauer" userId="b55e45dd-c6cc-461d-bef5-835fc172e678" providerId="ADAL" clId="{BCD0C6F6-2D95-4A66-B702-D3858BC1FC00}" dt="2019-09-26T09:45:26.741" v="50944"/>
          <ac:spMkLst>
            <pc:docMk/>
            <pc:sldMk cId="1279582212" sldId="257"/>
            <ac:spMk id="1763" creationId="{B0C6E5C7-D163-4DC2-BF28-583999B292B4}"/>
          </ac:spMkLst>
        </pc:spChg>
        <pc:spChg chg="add del mod modVis">
          <ac:chgData name="Manuel Lidauer" userId="b55e45dd-c6cc-461d-bef5-835fc172e678" providerId="ADAL" clId="{BCD0C6F6-2D95-4A66-B702-D3858BC1FC00}" dt="2019-09-26T09:45:26.741" v="50946"/>
          <ac:spMkLst>
            <pc:docMk/>
            <pc:sldMk cId="1279582212" sldId="257"/>
            <ac:spMk id="1764" creationId="{DC41E556-1985-4E6E-8F3D-324F5D776800}"/>
          </ac:spMkLst>
        </pc:spChg>
        <pc:spChg chg="add del mod modVis">
          <ac:chgData name="Manuel Lidauer" userId="b55e45dd-c6cc-461d-bef5-835fc172e678" providerId="ADAL" clId="{BCD0C6F6-2D95-4A66-B702-D3858BC1FC00}" dt="2019-09-26T09:45:26.742" v="50948"/>
          <ac:spMkLst>
            <pc:docMk/>
            <pc:sldMk cId="1279582212" sldId="257"/>
            <ac:spMk id="1765" creationId="{1FF78EF8-A780-4519-84B3-54F6F7C542A1}"/>
          </ac:spMkLst>
        </pc:spChg>
        <pc:spChg chg="add del mod modVis">
          <ac:chgData name="Manuel Lidauer" userId="b55e45dd-c6cc-461d-bef5-835fc172e678" providerId="ADAL" clId="{BCD0C6F6-2D95-4A66-B702-D3858BC1FC00}" dt="2019-09-26T09:45:26.743" v="50950"/>
          <ac:spMkLst>
            <pc:docMk/>
            <pc:sldMk cId="1279582212" sldId="257"/>
            <ac:spMk id="1766" creationId="{0040280C-CD1C-4BC8-AC26-F984C0630FCD}"/>
          </ac:spMkLst>
        </pc:spChg>
        <pc:spChg chg="add del mod modVis">
          <ac:chgData name="Manuel Lidauer" userId="b55e45dd-c6cc-461d-bef5-835fc172e678" providerId="ADAL" clId="{BCD0C6F6-2D95-4A66-B702-D3858BC1FC00}" dt="2019-09-26T09:45:26.743" v="50952"/>
          <ac:spMkLst>
            <pc:docMk/>
            <pc:sldMk cId="1279582212" sldId="257"/>
            <ac:spMk id="1767" creationId="{3CDAFA77-AE53-4D4D-96F1-06A71EACB752}"/>
          </ac:spMkLst>
        </pc:spChg>
        <pc:spChg chg="add del mod modVis">
          <ac:chgData name="Manuel Lidauer" userId="b55e45dd-c6cc-461d-bef5-835fc172e678" providerId="ADAL" clId="{BCD0C6F6-2D95-4A66-B702-D3858BC1FC00}" dt="2019-09-26T09:45:26.744" v="50954"/>
          <ac:spMkLst>
            <pc:docMk/>
            <pc:sldMk cId="1279582212" sldId="257"/>
            <ac:spMk id="1768" creationId="{78437BD1-0F23-47CE-9B84-B4B54E9DBD25}"/>
          </ac:spMkLst>
        </pc:spChg>
        <pc:spChg chg="add del mod modVis">
          <ac:chgData name="Manuel Lidauer" userId="b55e45dd-c6cc-461d-bef5-835fc172e678" providerId="ADAL" clId="{BCD0C6F6-2D95-4A66-B702-D3858BC1FC00}" dt="2019-09-26T09:45:26.745" v="50956"/>
          <ac:spMkLst>
            <pc:docMk/>
            <pc:sldMk cId="1279582212" sldId="257"/>
            <ac:spMk id="1769" creationId="{2FA03CF9-1320-438D-9756-E68CD1DADB00}"/>
          </ac:spMkLst>
        </pc:spChg>
        <pc:spChg chg="add del mod modVis">
          <ac:chgData name="Manuel Lidauer" userId="b55e45dd-c6cc-461d-bef5-835fc172e678" providerId="ADAL" clId="{BCD0C6F6-2D95-4A66-B702-D3858BC1FC00}" dt="2019-09-26T09:45:26.745" v="50958"/>
          <ac:spMkLst>
            <pc:docMk/>
            <pc:sldMk cId="1279582212" sldId="257"/>
            <ac:spMk id="1770" creationId="{2BDC5B8C-2777-496B-9C5C-5A01A1A81D7E}"/>
          </ac:spMkLst>
        </pc:spChg>
        <pc:spChg chg="add del mod modVis">
          <ac:chgData name="Manuel Lidauer" userId="b55e45dd-c6cc-461d-bef5-835fc172e678" providerId="ADAL" clId="{BCD0C6F6-2D95-4A66-B702-D3858BC1FC00}" dt="2019-09-26T09:45:26.746" v="50959"/>
          <ac:spMkLst>
            <pc:docMk/>
            <pc:sldMk cId="1279582212" sldId="257"/>
            <ac:spMk id="1771" creationId="{4F410D27-0AEA-4365-959F-3CBA09785C8E}"/>
          </ac:spMkLst>
        </pc:spChg>
        <pc:spChg chg="add del mod modVis">
          <ac:chgData name="Manuel Lidauer" userId="b55e45dd-c6cc-461d-bef5-835fc172e678" providerId="ADAL" clId="{BCD0C6F6-2D95-4A66-B702-D3858BC1FC00}" dt="2019-09-26T09:45:26.746" v="50961"/>
          <ac:spMkLst>
            <pc:docMk/>
            <pc:sldMk cId="1279582212" sldId="257"/>
            <ac:spMk id="1772" creationId="{CDC6EDC7-783A-4B69-B1A4-CE8219805E2B}"/>
          </ac:spMkLst>
        </pc:spChg>
        <pc:spChg chg="add del mod modVis">
          <ac:chgData name="Manuel Lidauer" userId="b55e45dd-c6cc-461d-bef5-835fc172e678" providerId="ADAL" clId="{BCD0C6F6-2D95-4A66-B702-D3858BC1FC00}" dt="2019-09-26T09:45:26.747" v="50963"/>
          <ac:spMkLst>
            <pc:docMk/>
            <pc:sldMk cId="1279582212" sldId="257"/>
            <ac:spMk id="1773" creationId="{01327B32-2264-453A-8EDF-2E8F351034FD}"/>
          </ac:spMkLst>
        </pc:spChg>
        <pc:spChg chg="add del mod modVis">
          <ac:chgData name="Manuel Lidauer" userId="b55e45dd-c6cc-461d-bef5-835fc172e678" providerId="ADAL" clId="{BCD0C6F6-2D95-4A66-B702-D3858BC1FC00}" dt="2019-09-26T09:45:26.748" v="50965"/>
          <ac:spMkLst>
            <pc:docMk/>
            <pc:sldMk cId="1279582212" sldId="257"/>
            <ac:spMk id="1774" creationId="{A47CB53C-52E1-4BD2-AD7B-1F87C439C567}"/>
          </ac:spMkLst>
        </pc:spChg>
        <pc:spChg chg="add del mod modVis">
          <ac:chgData name="Manuel Lidauer" userId="b55e45dd-c6cc-461d-bef5-835fc172e678" providerId="ADAL" clId="{BCD0C6F6-2D95-4A66-B702-D3858BC1FC00}" dt="2019-09-26T09:45:26.748" v="50967"/>
          <ac:spMkLst>
            <pc:docMk/>
            <pc:sldMk cId="1279582212" sldId="257"/>
            <ac:spMk id="1775" creationId="{8430110A-15BA-4F3B-9071-4FFA54D06B00}"/>
          </ac:spMkLst>
        </pc:spChg>
        <pc:spChg chg="add del mod modVis">
          <ac:chgData name="Manuel Lidauer" userId="b55e45dd-c6cc-461d-bef5-835fc172e678" providerId="ADAL" clId="{BCD0C6F6-2D95-4A66-B702-D3858BC1FC00}" dt="2019-09-26T09:45:26.749" v="50969"/>
          <ac:spMkLst>
            <pc:docMk/>
            <pc:sldMk cId="1279582212" sldId="257"/>
            <ac:spMk id="1776" creationId="{8DC9EF8A-CC20-4CFE-A113-A97CEF142F78}"/>
          </ac:spMkLst>
        </pc:spChg>
        <pc:spChg chg="add del mod modVis">
          <ac:chgData name="Manuel Lidauer" userId="b55e45dd-c6cc-461d-bef5-835fc172e678" providerId="ADAL" clId="{BCD0C6F6-2D95-4A66-B702-D3858BC1FC00}" dt="2019-09-26T09:45:26.751" v="50971"/>
          <ac:spMkLst>
            <pc:docMk/>
            <pc:sldMk cId="1279582212" sldId="257"/>
            <ac:spMk id="1777" creationId="{AF9AF04B-8FB9-40FE-894A-F6E373CC02D1}"/>
          </ac:spMkLst>
        </pc:spChg>
        <pc:spChg chg="add del mod modVis">
          <ac:chgData name="Manuel Lidauer" userId="b55e45dd-c6cc-461d-bef5-835fc172e678" providerId="ADAL" clId="{BCD0C6F6-2D95-4A66-B702-D3858BC1FC00}" dt="2019-09-26T09:45:26.751" v="50973"/>
          <ac:spMkLst>
            <pc:docMk/>
            <pc:sldMk cId="1279582212" sldId="257"/>
            <ac:spMk id="1778" creationId="{21311E90-0FD0-404F-AEBE-BDCCD43BDC8A}"/>
          </ac:spMkLst>
        </pc:spChg>
        <pc:spChg chg="add del mod modVis">
          <ac:chgData name="Manuel Lidauer" userId="b55e45dd-c6cc-461d-bef5-835fc172e678" providerId="ADAL" clId="{BCD0C6F6-2D95-4A66-B702-D3858BC1FC00}" dt="2019-09-26T10:15:33.365" v="63045"/>
          <ac:spMkLst>
            <pc:docMk/>
            <pc:sldMk cId="1279582212" sldId="257"/>
            <ac:spMk id="1779" creationId="{1736CEBA-082C-470F-B242-DC793E0FF19B}"/>
          </ac:spMkLst>
        </pc:spChg>
        <pc:spChg chg="add del mod modVis">
          <ac:chgData name="Manuel Lidauer" userId="b55e45dd-c6cc-461d-bef5-835fc172e678" providerId="ADAL" clId="{BCD0C6F6-2D95-4A66-B702-D3858BC1FC00}" dt="2019-09-26T10:15:33.366" v="63047"/>
          <ac:spMkLst>
            <pc:docMk/>
            <pc:sldMk cId="1279582212" sldId="257"/>
            <ac:spMk id="1780" creationId="{2696914F-A0A6-4380-967D-5E2DAB401F9C}"/>
          </ac:spMkLst>
        </pc:spChg>
        <pc:spChg chg="add del mod modVis">
          <ac:chgData name="Manuel Lidauer" userId="b55e45dd-c6cc-461d-bef5-835fc172e678" providerId="ADAL" clId="{BCD0C6F6-2D95-4A66-B702-D3858BC1FC00}" dt="2019-09-26T10:15:33.366" v="63048"/>
          <ac:spMkLst>
            <pc:docMk/>
            <pc:sldMk cId="1279582212" sldId="257"/>
            <ac:spMk id="1781" creationId="{7792C5F7-D074-4126-BA24-104FC9EBCDE2}"/>
          </ac:spMkLst>
        </pc:spChg>
        <pc:spChg chg="add del mod modVis">
          <ac:chgData name="Manuel Lidauer" userId="b55e45dd-c6cc-461d-bef5-835fc172e678" providerId="ADAL" clId="{BCD0C6F6-2D95-4A66-B702-D3858BC1FC00}" dt="2019-09-26T10:15:33.367" v="63049"/>
          <ac:spMkLst>
            <pc:docMk/>
            <pc:sldMk cId="1279582212" sldId="257"/>
            <ac:spMk id="1782" creationId="{A9927D01-1DE2-4B7D-9B62-694865D65B07}"/>
          </ac:spMkLst>
        </pc:spChg>
        <pc:spChg chg="add del mod modVis">
          <ac:chgData name="Manuel Lidauer" userId="b55e45dd-c6cc-461d-bef5-835fc172e678" providerId="ADAL" clId="{BCD0C6F6-2D95-4A66-B702-D3858BC1FC00}" dt="2019-09-26T10:15:33.367" v="63050"/>
          <ac:spMkLst>
            <pc:docMk/>
            <pc:sldMk cId="1279582212" sldId="257"/>
            <ac:spMk id="1783" creationId="{DA6E7E5A-5E03-4897-8C36-124E30409516}"/>
          </ac:spMkLst>
        </pc:spChg>
        <pc:spChg chg="add del mod modVis">
          <ac:chgData name="Manuel Lidauer" userId="b55e45dd-c6cc-461d-bef5-835fc172e678" providerId="ADAL" clId="{BCD0C6F6-2D95-4A66-B702-D3858BC1FC00}" dt="2019-09-26T10:15:33.368" v="63052"/>
          <ac:spMkLst>
            <pc:docMk/>
            <pc:sldMk cId="1279582212" sldId="257"/>
            <ac:spMk id="1784" creationId="{2D58E7D3-70BC-49D7-BA02-C114EE229F05}"/>
          </ac:spMkLst>
        </pc:spChg>
        <pc:spChg chg="add del mod modVis">
          <ac:chgData name="Manuel Lidauer" userId="b55e45dd-c6cc-461d-bef5-835fc172e678" providerId="ADAL" clId="{BCD0C6F6-2D95-4A66-B702-D3858BC1FC00}" dt="2019-09-26T10:15:33.368" v="63054"/>
          <ac:spMkLst>
            <pc:docMk/>
            <pc:sldMk cId="1279582212" sldId="257"/>
            <ac:spMk id="1785" creationId="{904868A6-3465-4256-A08E-008004B971FB}"/>
          </ac:spMkLst>
        </pc:spChg>
        <pc:spChg chg="add del mod modVis">
          <ac:chgData name="Manuel Lidauer" userId="b55e45dd-c6cc-461d-bef5-835fc172e678" providerId="ADAL" clId="{BCD0C6F6-2D95-4A66-B702-D3858BC1FC00}" dt="2019-09-26T10:15:33.370" v="63058"/>
          <ac:spMkLst>
            <pc:docMk/>
            <pc:sldMk cId="1279582212" sldId="257"/>
            <ac:spMk id="1787" creationId="{54642F75-B2D5-478E-A9E1-C27063C9A049}"/>
          </ac:spMkLst>
        </pc:spChg>
        <pc:spChg chg="add del mod modVis">
          <ac:chgData name="Manuel Lidauer" userId="b55e45dd-c6cc-461d-bef5-835fc172e678" providerId="ADAL" clId="{BCD0C6F6-2D95-4A66-B702-D3858BC1FC00}" dt="2019-09-26T10:15:33.372" v="63062"/>
          <ac:spMkLst>
            <pc:docMk/>
            <pc:sldMk cId="1279582212" sldId="257"/>
            <ac:spMk id="1789" creationId="{E8ED62CC-C75D-448B-94C7-4F32E732D5AF}"/>
          </ac:spMkLst>
        </pc:spChg>
        <pc:spChg chg="add del mod modVis">
          <ac:chgData name="Manuel Lidauer" userId="b55e45dd-c6cc-461d-bef5-835fc172e678" providerId="ADAL" clId="{BCD0C6F6-2D95-4A66-B702-D3858BC1FC00}" dt="2019-09-26T10:15:33.373" v="63066"/>
          <ac:spMkLst>
            <pc:docMk/>
            <pc:sldMk cId="1279582212" sldId="257"/>
            <ac:spMk id="1791" creationId="{F22950F5-CDF4-4613-80C0-21AAEE260E54}"/>
          </ac:spMkLst>
        </pc:spChg>
        <pc:spChg chg="add del mod modVis">
          <ac:chgData name="Manuel Lidauer" userId="b55e45dd-c6cc-461d-bef5-835fc172e678" providerId="ADAL" clId="{BCD0C6F6-2D95-4A66-B702-D3858BC1FC00}" dt="2019-09-26T10:15:33.375" v="63070"/>
          <ac:spMkLst>
            <pc:docMk/>
            <pc:sldMk cId="1279582212" sldId="257"/>
            <ac:spMk id="1793" creationId="{A5B82485-E2A7-4247-B3CE-E6839208D0C6}"/>
          </ac:spMkLst>
        </pc:spChg>
        <pc:spChg chg="add del mod modVis">
          <ac:chgData name="Manuel Lidauer" userId="b55e45dd-c6cc-461d-bef5-835fc172e678" providerId="ADAL" clId="{BCD0C6F6-2D95-4A66-B702-D3858BC1FC00}" dt="2019-09-26T10:15:33.376" v="63074"/>
          <ac:spMkLst>
            <pc:docMk/>
            <pc:sldMk cId="1279582212" sldId="257"/>
            <ac:spMk id="1795" creationId="{D8365F70-3168-438D-8670-86DAD0363D73}"/>
          </ac:spMkLst>
        </pc:spChg>
        <pc:spChg chg="add del mod modVis">
          <ac:chgData name="Manuel Lidauer" userId="b55e45dd-c6cc-461d-bef5-835fc172e678" providerId="ADAL" clId="{BCD0C6F6-2D95-4A66-B702-D3858BC1FC00}" dt="2019-09-26T10:15:33.378" v="63078"/>
          <ac:spMkLst>
            <pc:docMk/>
            <pc:sldMk cId="1279582212" sldId="257"/>
            <ac:spMk id="1797" creationId="{66D8AE73-7C12-4054-9DCF-638173621DD5}"/>
          </ac:spMkLst>
        </pc:spChg>
        <pc:spChg chg="add del mod modVis">
          <ac:chgData name="Manuel Lidauer" userId="b55e45dd-c6cc-461d-bef5-835fc172e678" providerId="ADAL" clId="{BCD0C6F6-2D95-4A66-B702-D3858BC1FC00}" dt="2019-09-26T10:15:33.379" v="63082"/>
          <ac:spMkLst>
            <pc:docMk/>
            <pc:sldMk cId="1279582212" sldId="257"/>
            <ac:spMk id="1799" creationId="{DEACFD54-C769-42B9-A9F4-E280D7954549}"/>
          </ac:spMkLst>
        </pc:spChg>
        <pc:spChg chg="add del mod modVis">
          <ac:chgData name="Manuel Lidauer" userId="b55e45dd-c6cc-461d-bef5-835fc172e678" providerId="ADAL" clId="{BCD0C6F6-2D95-4A66-B702-D3858BC1FC00}" dt="2019-09-26T10:15:33.380" v="63086"/>
          <ac:spMkLst>
            <pc:docMk/>
            <pc:sldMk cId="1279582212" sldId="257"/>
            <ac:spMk id="1801" creationId="{9C9C17B4-3C0C-4D61-81AD-7CA61B89CC06}"/>
          </ac:spMkLst>
        </pc:spChg>
        <pc:spChg chg="add del mod modVis">
          <ac:chgData name="Manuel Lidauer" userId="b55e45dd-c6cc-461d-bef5-835fc172e678" providerId="ADAL" clId="{BCD0C6F6-2D95-4A66-B702-D3858BC1FC00}" dt="2019-09-26T10:15:33.381" v="63088"/>
          <ac:spMkLst>
            <pc:docMk/>
            <pc:sldMk cId="1279582212" sldId="257"/>
            <ac:spMk id="1842" creationId="{2B3CF19A-C890-44C8-A0D5-BD49D6BCD111}"/>
          </ac:spMkLst>
        </pc:spChg>
        <pc:spChg chg="add del mod modVis">
          <ac:chgData name="Manuel Lidauer" userId="b55e45dd-c6cc-461d-bef5-835fc172e678" providerId="ADAL" clId="{BCD0C6F6-2D95-4A66-B702-D3858BC1FC00}" dt="2019-09-26T10:15:33.382" v="63090"/>
          <ac:spMkLst>
            <pc:docMk/>
            <pc:sldMk cId="1279582212" sldId="257"/>
            <ac:spMk id="1843" creationId="{D9495A32-31EE-4153-BA9B-6F741ED726BA}"/>
          </ac:spMkLst>
        </pc:spChg>
        <pc:spChg chg="add del mod modVis">
          <ac:chgData name="Manuel Lidauer" userId="b55e45dd-c6cc-461d-bef5-835fc172e678" providerId="ADAL" clId="{BCD0C6F6-2D95-4A66-B702-D3858BC1FC00}" dt="2019-09-26T10:15:33.382" v="63091"/>
          <ac:spMkLst>
            <pc:docMk/>
            <pc:sldMk cId="1279582212" sldId="257"/>
            <ac:spMk id="1844" creationId="{7883C708-8AC5-4EAD-A043-9386F8499674}"/>
          </ac:spMkLst>
        </pc:spChg>
        <pc:spChg chg="add del mod modVis">
          <ac:chgData name="Manuel Lidauer" userId="b55e45dd-c6cc-461d-bef5-835fc172e678" providerId="ADAL" clId="{BCD0C6F6-2D95-4A66-B702-D3858BC1FC00}" dt="2019-09-26T10:15:33.383" v="63093"/>
          <ac:spMkLst>
            <pc:docMk/>
            <pc:sldMk cId="1279582212" sldId="257"/>
            <ac:spMk id="1845" creationId="{92702184-57F2-4204-8E30-7A7CD096A73E}"/>
          </ac:spMkLst>
        </pc:spChg>
        <pc:spChg chg="add del mod modVis">
          <ac:chgData name="Manuel Lidauer" userId="b55e45dd-c6cc-461d-bef5-835fc172e678" providerId="ADAL" clId="{BCD0C6F6-2D95-4A66-B702-D3858BC1FC00}" dt="2019-09-26T10:15:33.383" v="63095"/>
          <ac:spMkLst>
            <pc:docMk/>
            <pc:sldMk cId="1279582212" sldId="257"/>
            <ac:spMk id="1846" creationId="{D2888BEE-1104-452E-8B14-E0740CCD3A22}"/>
          </ac:spMkLst>
        </pc:spChg>
        <pc:spChg chg="add del mod modVis">
          <ac:chgData name="Manuel Lidauer" userId="b55e45dd-c6cc-461d-bef5-835fc172e678" providerId="ADAL" clId="{BCD0C6F6-2D95-4A66-B702-D3858BC1FC00}" dt="2019-09-26T10:15:33.384" v="63096"/>
          <ac:spMkLst>
            <pc:docMk/>
            <pc:sldMk cId="1279582212" sldId="257"/>
            <ac:spMk id="1847" creationId="{54DD88E9-995C-4817-BA4E-EE47C87E93FE}"/>
          </ac:spMkLst>
        </pc:spChg>
        <pc:spChg chg="add del mod modVis">
          <ac:chgData name="Manuel Lidauer" userId="b55e45dd-c6cc-461d-bef5-835fc172e678" providerId="ADAL" clId="{BCD0C6F6-2D95-4A66-B702-D3858BC1FC00}" dt="2019-09-26T10:15:33.384" v="63098"/>
          <ac:spMkLst>
            <pc:docMk/>
            <pc:sldMk cId="1279582212" sldId="257"/>
            <ac:spMk id="1848" creationId="{3D1C10C8-E284-495E-8499-5182F6ECBC20}"/>
          </ac:spMkLst>
        </pc:spChg>
        <pc:spChg chg="add del mod modVis">
          <ac:chgData name="Manuel Lidauer" userId="b55e45dd-c6cc-461d-bef5-835fc172e678" providerId="ADAL" clId="{BCD0C6F6-2D95-4A66-B702-D3858BC1FC00}" dt="2019-09-26T10:15:33.385" v="63100"/>
          <ac:spMkLst>
            <pc:docMk/>
            <pc:sldMk cId="1279582212" sldId="257"/>
            <ac:spMk id="1849" creationId="{BCB63CD6-AF96-493F-BFE2-FBDEC2F8028A}"/>
          </ac:spMkLst>
        </pc:spChg>
        <pc:spChg chg="add del mod modVis">
          <ac:chgData name="Manuel Lidauer" userId="b55e45dd-c6cc-461d-bef5-835fc172e678" providerId="ADAL" clId="{BCD0C6F6-2D95-4A66-B702-D3858BC1FC00}" dt="2019-09-26T10:15:33.385" v="63101"/>
          <ac:spMkLst>
            <pc:docMk/>
            <pc:sldMk cId="1279582212" sldId="257"/>
            <ac:spMk id="1850" creationId="{70B9729B-2C2C-4D81-8285-3D6D2C81B85B}"/>
          </ac:spMkLst>
        </pc:spChg>
        <pc:spChg chg="add del mod modVis">
          <ac:chgData name="Manuel Lidauer" userId="b55e45dd-c6cc-461d-bef5-835fc172e678" providerId="ADAL" clId="{BCD0C6F6-2D95-4A66-B702-D3858BC1FC00}" dt="2019-09-26T10:15:33.386" v="63103"/>
          <ac:spMkLst>
            <pc:docMk/>
            <pc:sldMk cId="1279582212" sldId="257"/>
            <ac:spMk id="1851" creationId="{28C93C65-A183-4097-842C-EB4600960BDD}"/>
          </ac:spMkLst>
        </pc:spChg>
        <pc:spChg chg="add del mod modVis">
          <ac:chgData name="Manuel Lidauer" userId="b55e45dd-c6cc-461d-bef5-835fc172e678" providerId="ADAL" clId="{BCD0C6F6-2D95-4A66-B702-D3858BC1FC00}" dt="2019-09-26T10:15:33.387" v="63105"/>
          <ac:spMkLst>
            <pc:docMk/>
            <pc:sldMk cId="1279582212" sldId="257"/>
            <ac:spMk id="1852" creationId="{C57AF01E-62B2-483D-A9EC-C458D49D6C5C}"/>
          </ac:spMkLst>
        </pc:spChg>
        <pc:spChg chg="add del mod modVis">
          <ac:chgData name="Manuel Lidauer" userId="b55e45dd-c6cc-461d-bef5-835fc172e678" providerId="ADAL" clId="{BCD0C6F6-2D95-4A66-B702-D3858BC1FC00}" dt="2019-09-26T10:15:33.387" v="63106"/>
          <ac:spMkLst>
            <pc:docMk/>
            <pc:sldMk cId="1279582212" sldId="257"/>
            <ac:spMk id="1853" creationId="{DC0C9B43-3146-4EF2-80B4-7275BFD0E228}"/>
          </ac:spMkLst>
        </pc:spChg>
        <pc:spChg chg="add del mod modVis">
          <ac:chgData name="Manuel Lidauer" userId="b55e45dd-c6cc-461d-bef5-835fc172e678" providerId="ADAL" clId="{BCD0C6F6-2D95-4A66-B702-D3858BC1FC00}" dt="2019-09-26T10:15:33.388" v="63108"/>
          <ac:spMkLst>
            <pc:docMk/>
            <pc:sldMk cId="1279582212" sldId="257"/>
            <ac:spMk id="1854" creationId="{EA1DCEA4-CD2E-44AB-BDCC-5710CACF69ED}"/>
          </ac:spMkLst>
        </pc:spChg>
        <pc:spChg chg="add del mod modVis">
          <ac:chgData name="Manuel Lidauer" userId="b55e45dd-c6cc-461d-bef5-835fc172e678" providerId="ADAL" clId="{BCD0C6F6-2D95-4A66-B702-D3858BC1FC00}" dt="2019-09-26T10:15:33.389" v="63110"/>
          <ac:spMkLst>
            <pc:docMk/>
            <pc:sldMk cId="1279582212" sldId="257"/>
            <ac:spMk id="1855" creationId="{9DCBDF41-72DB-42B3-828F-E561BD329721}"/>
          </ac:spMkLst>
        </pc:spChg>
        <pc:spChg chg="add del mod modVis">
          <ac:chgData name="Manuel Lidauer" userId="b55e45dd-c6cc-461d-bef5-835fc172e678" providerId="ADAL" clId="{BCD0C6F6-2D95-4A66-B702-D3858BC1FC00}" dt="2019-09-26T10:15:33.390" v="63111"/>
          <ac:spMkLst>
            <pc:docMk/>
            <pc:sldMk cId="1279582212" sldId="257"/>
            <ac:spMk id="1856" creationId="{FEB391D6-96C7-4DDA-A4FA-7C2285D8E1A1}"/>
          </ac:spMkLst>
        </pc:spChg>
        <pc:spChg chg="add del mod modVis">
          <ac:chgData name="Manuel Lidauer" userId="b55e45dd-c6cc-461d-bef5-835fc172e678" providerId="ADAL" clId="{BCD0C6F6-2D95-4A66-B702-D3858BC1FC00}" dt="2019-09-26T10:15:33.390" v="63113"/>
          <ac:spMkLst>
            <pc:docMk/>
            <pc:sldMk cId="1279582212" sldId="257"/>
            <ac:spMk id="1857" creationId="{C2D3D36E-56FB-41F4-8A20-B7D0D3DD3802}"/>
          </ac:spMkLst>
        </pc:spChg>
        <pc:spChg chg="add del mod modVis">
          <ac:chgData name="Manuel Lidauer" userId="b55e45dd-c6cc-461d-bef5-835fc172e678" providerId="ADAL" clId="{BCD0C6F6-2D95-4A66-B702-D3858BC1FC00}" dt="2019-09-26T10:15:33.391" v="63115"/>
          <ac:spMkLst>
            <pc:docMk/>
            <pc:sldMk cId="1279582212" sldId="257"/>
            <ac:spMk id="1858" creationId="{53436F9F-A67E-4D8D-B984-303754B893F9}"/>
          </ac:spMkLst>
        </pc:spChg>
        <pc:spChg chg="add del mod modVis">
          <ac:chgData name="Manuel Lidauer" userId="b55e45dd-c6cc-461d-bef5-835fc172e678" providerId="ADAL" clId="{BCD0C6F6-2D95-4A66-B702-D3858BC1FC00}" dt="2019-09-26T10:15:33.391" v="63116"/>
          <ac:spMkLst>
            <pc:docMk/>
            <pc:sldMk cId="1279582212" sldId="257"/>
            <ac:spMk id="1859" creationId="{4007BDCD-28E8-411D-8DA4-8BC2D595A8F3}"/>
          </ac:spMkLst>
        </pc:spChg>
        <pc:spChg chg="add del mod modVis">
          <ac:chgData name="Manuel Lidauer" userId="b55e45dd-c6cc-461d-bef5-835fc172e678" providerId="ADAL" clId="{BCD0C6F6-2D95-4A66-B702-D3858BC1FC00}" dt="2019-09-26T10:15:33.392" v="63117"/>
          <ac:spMkLst>
            <pc:docMk/>
            <pc:sldMk cId="1279582212" sldId="257"/>
            <ac:spMk id="1860" creationId="{69215FCB-661E-407E-A0C0-6EEBDEF3F1CD}"/>
          </ac:spMkLst>
        </pc:spChg>
        <pc:spChg chg="add del mod modVis">
          <ac:chgData name="Manuel Lidauer" userId="b55e45dd-c6cc-461d-bef5-835fc172e678" providerId="ADAL" clId="{BCD0C6F6-2D95-4A66-B702-D3858BC1FC00}" dt="2019-09-26T10:15:33.392" v="63119"/>
          <ac:spMkLst>
            <pc:docMk/>
            <pc:sldMk cId="1279582212" sldId="257"/>
            <ac:spMk id="1861" creationId="{B9A6DEEE-FDB0-4E95-B806-DF33530A4A7C}"/>
          </ac:spMkLst>
        </pc:spChg>
        <pc:spChg chg="add del mod modVis">
          <ac:chgData name="Manuel Lidauer" userId="b55e45dd-c6cc-461d-bef5-835fc172e678" providerId="ADAL" clId="{BCD0C6F6-2D95-4A66-B702-D3858BC1FC00}" dt="2019-09-26T10:15:33.393" v="63121"/>
          <ac:spMkLst>
            <pc:docMk/>
            <pc:sldMk cId="1279582212" sldId="257"/>
            <ac:spMk id="1862" creationId="{8B7858FB-3E3E-4D2F-B700-1598C799132F}"/>
          </ac:spMkLst>
        </pc:spChg>
        <pc:spChg chg="add del mod modVis">
          <ac:chgData name="Manuel Lidauer" userId="b55e45dd-c6cc-461d-bef5-835fc172e678" providerId="ADAL" clId="{BCD0C6F6-2D95-4A66-B702-D3858BC1FC00}" dt="2019-09-26T10:15:33.394" v="63123"/>
          <ac:spMkLst>
            <pc:docMk/>
            <pc:sldMk cId="1279582212" sldId="257"/>
            <ac:spMk id="1863" creationId="{02B51201-8663-4687-A2E7-93B2F261429D}"/>
          </ac:spMkLst>
        </pc:spChg>
        <pc:spChg chg="add del mod modVis">
          <ac:chgData name="Manuel Lidauer" userId="b55e45dd-c6cc-461d-bef5-835fc172e678" providerId="ADAL" clId="{BCD0C6F6-2D95-4A66-B702-D3858BC1FC00}" dt="2019-09-26T10:15:33.394" v="63125"/>
          <ac:spMkLst>
            <pc:docMk/>
            <pc:sldMk cId="1279582212" sldId="257"/>
            <ac:spMk id="1864" creationId="{E2D7C6CA-8E8F-4EAC-815C-6DA7B1F15A91}"/>
          </ac:spMkLst>
        </pc:spChg>
        <pc:spChg chg="add del mod modVis">
          <ac:chgData name="Manuel Lidauer" userId="b55e45dd-c6cc-461d-bef5-835fc172e678" providerId="ADAL" clId="{BCD0C6F6-2D95-4A66-B702-D3858BC1FC00}" dt="2019-09-26T10:15:33.395" v="63127"/>
          <ac:spMkLst>
            <pc:docMk/>
            <pc:sldMk cId="1279582212" sldId="257"/>
            <ac:spMk id="1865" creationId="{D18AE634-FE47-4D49-99BE-01977DB2F763}"/>
          </ac:spMkLst>
        </pc:spChg>
        <pc:spChg chg="add del mod modVis">
          <ac:chgData name="Manuel Lidauer" userId="b55e45dd-c6cc-461d-bef5-835fc172e678" providerId="ADAL" clId="{BCD0C6F6-2D95-4A66-B702-D3858BC1FC00}" dt="2019-09-26T10:15:33.396" v="63129"/>
          <ac:spMkLst>
            <pc:docMk/>
            <pc:sldMk cId="1279582212" sldId="257"/>
            <ac:spMk id="1866" creationId="{13E83E8B-905F-4711-988B-9A837C6D1E8C}"/>
          </ac:spMkLst>
        </pc:spChg>
        <pc:spChg chg="add del mod modVis">
          <ac:chgData name="Manuel Lidauer" userId="b55e45dd-c6cc-461d-bef5-835fc172e678" providerId="ADAL" clId="{BCD0C6F6-2D95-4A66-B702-D3858BC1FC00}" dt="2019-09-26T10:15:33.397" v="63131"/>
          <ac:spMkLst>
            <pc:docMk/>
            <pc:sldMk cId="1279582212" sldId="257"/>
            <ac:spMk id="1867" creationId="{16E78058-110B-41F6-AE07-91C779C49E7D}"/>
          </ac:spMkLst>
        </pc:spChg>
        <pc:spChg chg="add del mod modVis">
          <ac:chgData name="Manuel Lidauer" userId="b55e45dd-c6cc-461d-bef5-835fc172e678" providerId="ADAL" clId="{BCD0C6F6-2D95-4A66-B702-D3858BC1FC00}" dt="2019-09-26T10:15:33.397" v="63132"/>
          <ac:spMkLst>
            <pc:docMk/>
            <pc:sldMk cId="1279582212" sldId="257"/>
            <ac:spMk id="1868" creationId="{0050E2C0-2F91-4183-89B4-C68AC091CA3D}"/>
          </ac:spMkLst>
        </pc:spChg>
        <pc:spChg chg="add del mod modVis">
          <ac:chgData name="Manuel Lidauer" userId="b55e45dd-c6cc-461d-bef5-835fc172e678" providerId="ADAL" clId="{BCD0C6F6-2D95-4A66-B702-D3858BC1FC00}" dt="2019-09-26T10:15:33.398" v="63134"/>
          <ac:spMkLst>
            <pc:docMk/>
            <pc:sldMk cId="1279582212" sldId="257"/>
            <ac:spMk id="1869" creationId="{707DE50F-2E5C-4A38-BED6-718699048AA3}"/>
          </ac:spMkLst>
        </pc:spChg>
        <pc:spChg chg="add del mod modVis">
          <ac:chgData name="Manuel Lidauer" userId="b55e45dd-c6cc-461d-bef5-835fc172e678" providerId="ADAL" clId="{BCD0C6F6-2D95-4A66-B702-D3858BC1FC00}" dt="2019-09-26T10:15:33.398" v="63136"/>
          <ac:spMkLst>
            <pc:docMk/>
            <pc:sldMk cId="1279582212" sldId="257"/>
            <ac:spMk id="1870" creationId="{65119F2B-417C-4DFF-96D8-07BB457535D5}"/>
          </ac:spMkLst>
        </pc:spChg>
        <pc:spChg chg="add del mod modVis">
          <ac:chgData name="Manuel Lidauer" userId="b55e45dd-c6cc-461d-bef5-835fc172e678" providerId="ADAL" clId="{BCD0C6F6-2D95-4A66-B702-D3858BC1FC00}" dt="2019-09-26T10:15:33.399" v="63138"/>
          <ac:spMkLst>
            <pc:docMk/>
            <pc:sldMk cId="1279582212" sldId="257"/>
            <ac:spMk id="1871" creationId="{49D70C70-3A9A-4C3B-AC84-5F61736304B2}"/>
          </ac:spMkLst>
        </pc:spChg>
        <pc:spChg chg="add del mod modVis">
          <ac:chgData name="Manuel Lidauer" userId="b55e45dd-c6cc-461d-bef5-835fc172e678" providerId="ADAL" clId="{BCD0C6F6-2D95-4A66-B702-D3858BC1FC00}" dt="2019-09-26T10:15:33.400" v="63140"/>
          <ac:spMkLst>
            <pc:docMk/>
            <pc:sldMk cId="1279582212" sldId="257"/>
            <ac:spMk id="1872" creationId="{1BA21672-35D4-429C-BB50-A205E60A0949}"/>
          </ac:spMkLst>
        </pc:spChg>
        <pc:spChg chg="add del mod modVis">
          <ac:chgData name="Manuel Lidauer" userId="b55e45dd-c6cc-461d-bef5-835fc172e678" providerId="ADAL" clId="{BCD0C6F6-2D95-4A66-B702-D3858BC1FC00}" dt="2019-09-26T10:15:33.400" v="63142"/>
          <ac:spMkLst>
            <pc:docMk/>
            <pc:sldMk cId="1279582212" sldId="257"/>
            <ac:spMk id="1873" creationId="{8C3D3F31-C050-41FF-A8E3-6AC3AA767415}"/>
          </ac:spMkLst>
        </pc:spChg>
        <pc:spChg chg="add del mod modVis">
          <ac:chgData name="Manuel Lidauer" userId="b55e45dd-c6cc-461d-bef5-835fc172e678" providerId="ADAL" clId="{BCD0C6F6-2D95-4A66-B702-D3858BC1FC00}" dt="2019-09-26T10:15:33.401" v="63144"/>
          <ac:spMkLst>
            <pc:docMk/>
            <pc:sldMk cId="1279582212" sldId="257"/>
            <ac:spMk id="1874" creationId="{2CAEEE38-F51A-481E-96DE-AB218A1B4F9C}"/>
          </ac:spMkLst>
        </pc:spChg>
        <pc:spChg chg="add del mod modVis">
          <ac:chgData name="Manuel Lidauer" userId="b55e45dd-c6cc-461d-bef5-835fc172e678" providerId="ADAL" clId="{BCD0C6F6-2D95-4A66-B702-D3858BC1FC00}" dt="2019-09-26T10:15:33.402" v="63146"/>
          <ac:spMkLst>
            <pc:docMk/>
            <pc:sldMk cId="1279582212" sldId="257"/>
            <ac:spMk id="1875" creationId="{EC274BA0-6FC0-457E-BBC5-67B42CF8A58A}"/>
          </ac:spMkLst>
        </pc:spChg>
        <pc:spChg chg="add del mod modVis">
          <ac:chgData name="Manuel Lidauer" userId="b55e45dd-c6cc-461d-bef5-835fc172e678" providerId="ADAL" clId="{BCD0C6F6-2D95-4A66-B702-D3858BC1FC00}" dt="2019-09-26T10:15:33.402" v="63147"/>
          <ac:spMkLst>
            <pc:docMk/>
            <pc:sldMk cId="1279582212" sldId="257"/>
            <ac:spMk id="1876" creationId="{4D552FC5-D65F-414D-AB5E-06395C6B229D}"/>
          </ac:spMkLst>
        </pc:spChg>
        <pc:spChg chg="add del mod modVis">
          <ac:chgData name="Manuel Lidauer" userId="b55e45dd-c6cc-461d-bef5-835fc172e678" providerId="ADAL" clId="{BCD0C6F6-2D95-4A66-B702-D3858BC1FC00}" dt="2019-09-26T10:15:33.403" v="63149"/>
          <ac:spMkLst>
            <pc:docMk/>
            <pc:sldMk cId="1279582212" sldId="257"/>
            <ac:spMk id="1877" creationId="{6A8DD3FD-C89E-4905-8CBA-091988C45A28}"/>
          </ac:spMkLst>
        </pc:spChg>
        <pc:spChg chg="add del mod modVis">
          <ac:chgData name="Manuel Lidauer" userId="b55e45dd-c6cc-461d-bef5-835fc172e678" providerId="ADAL" clId="{BCD0C6F6-2D95-4A66-B702-D3858BC1FC00}" dt="2019-09-26T10:15:33.404" v="63151"/>
          <ac:spMkLst>
            <pc:docMk/>
            <pc:sldMk cId="1279582212" sldId="257"/>
            <ac:spMk id="1878" creationId="{7467CBCA-7D43-4896-80B6-5DB0595B1DB3}"/>
          </ac:spMkLst>
        </pc:spChg>
        <pc:spChg chg="add del mod modVis">
          <ac:chgData name="Manuel Lidauer" userId="b55e45dd-c6cc-461d-bef5-835fc172e678" providerId="ADAL" clId="{BCD0C6F6-2D95-4A66-B702-D3858BC1FC00}" dt="2019-09-26T10:15:33.405" v="63153"/>
          <ac:spMkLst>
            <pc:docMk/>
            <pc:sldMk cId="1279582212" sldId="257"/>
            <ac:spMk id="1879" creationId="{ABDE52C2-0B68-42C8-A521-C388318CC6F4}"/>
          </ac:spMkLst>
        </pc:spChg>
        <pc:spChg chg="add del mod modVis">
          <ac:chgData name="Manuel Lidauer" userId="b55e45dd-c6cc-461d-bef5-835fc172e678" providerId="ADAL" clId="{BCD0C6F6-2D95-4A66-B702-D3858BC1FC00}" dt="2019-09-26T10:15:33.406" v="63155"/>
          <ac:spMkLst>
            <pc:docMk/>
            <pc:sldMk cId="1279582212" sldId="257"/>
            <ac:spMk id="1880" creationId="{1FE35D60-37C0-4114-84AE-C93B1D2284B3}"/>
          </ac:spMkLst>
        </pc:spChg>
        <pc:spChg chg="add del mod modVis">
          <ac:chgData name="Manuel Lidauer" userId="b55e45dd-c6cc-461d-bef5-835fc172e678" providerId="ADAL" clId="{BCD0C6F6-2D95-4A66-B702-D3858BC1FC00}" dt="2019-09-26T10:15:33.406" v="63157"/>
          <ac:spMkLst>
            <pc:docMk/>
            <pc:sldMk cId="1279582212" sldId="257"/>
            <ac:spMk id="1881" creationId="{56A187D4-A2E6-4AA5-A674-C93798C86451}"/>
          </ac:spMkLst>
        </pc:spChg>
        <pc:spChg chg="add del mod modVis">
          <ac:chgData name="Manuel Lidauer" userId="b55e45dd-c6cc-461d-bef5-835fc172e678" providerId="ADAL" clId="{BCD0C6F6-2D95-4A66-B702-D3858BC1FC00}" dt="2019-09-26T10:15:33.407" v="63159"/>
          <ac:spMkLst>
            <pc:docMk/>
            <pc:sldMk cId="1279582212" sldId="257"/>
            <ac:spMk id="1882" creationId="{374B0BF3-31AA-42B2-9EED-85569FF6F7FD}"/>
          </ac:spMkLst>
        </pc:spChg>
        <pc:spChg chg="add del mod modVis">
          <ac:chgData name="Manuel Lidauer" userId="b55e45dd-c6cc-461d-bef5-835fc172e678" providerId="ADAL" clId="{BCD0C6F6-2D95-4A66-B702-D3858BC1FC00}" dt="2019-09-26T10:15:33.408" v="63161"/>
          <ac:spMkLst>
            <pc:docMk/>
            <pc:sldMk cId="1279582212" sldId="257"/>
            <ac:spMk id="1883" creationId="{AD26769A-6A1B-440C-8942-36A6ACB1C268}"/>
          </ac:spMkLst>
        </pc:spChg>
        <pc:spChg chg="add del mod modVis">
          <ac:chgData name="Manuel Lidauer" userId="b55e45dd-c6cc-461d-bef5-835fc172e678" providerId="ADAL" clId="{BCD0C6F6-2D95-4A66-B702-D3858BC1FC00}" dt="2019-09-26T10:15:33.408" v="63162"/>
          <ac:spMkLst>
            <pc:docMk/>
            <pc:sldMk cId="1279582212" sldId="257"/>
            <ac:spMk id="1884" creationId="{C87023A6-A123-4201-A40B-2B5C894BF845}"/>
          </ac:spMkLst>
        </pc:spChg>
        <pc:spChg chg="add del mod modVis">
          <ac:chgData name="Manuel Lidauer" userId="b55e45dd-c6cc-461d-bef5-835fc172e678" providerId="ADAL" clId="{BCD0C6F6-2D95-4A66-B702-D3858BC1FC00}" dt="2019-09-26T10:15:33.409" v="63164"/>
          <ac:spMkLst>
            <pc:docMk/>
            <pc:sldMk cId="1279582212" sldId="257"/>
            <ac:spMk id="1885" creationId="{12092A2E-AD8E-411B-BE2C-F0DF1812E428}"/>
          </ac:spMkLst>
        </pc:spChg>
        <pc:spChg chg="add del mod modVis">
          <ac:chgData name="Manuel Lidauer" userId="b55e45dd-c6cc-461d-bef5-835fc172e678" providerId="ADAL" clId="{BCD0C6F6-2D95-4A66-B702-D3858BC1FC00}" dt="2019-09-26T10:15:33.410" v="63166"/>
          <ac:spMkLst>
            <pc:docMk/>
            <pc:sldMk cId="1279582212" sldId="257"/>
            <ac:spMk id="1886" creationId="{4607631A-24A0-46B3-8E51-3CE52DF54718}"/>
          </ac:spMkLst>
        </pc:spChg>
        <pc:spChg chg="add del mod modVis">
          <ac:chgData name="Manuel Lidauer" userId="b55e45dd-c6cc-461d-bef5-835fc172e678" providerId="ADAL" clId="{BCD0C6F6-2D95-4A66-B702-D3858BC1FC00}" dt="2019-09-26T10:15:33.410" v="63168"/>
          <ac:spMkLst>
            <pc:docMk/>
            <pc:sldMk cId="1279582212" sldId="257"/>
            <ac:spMk id="1887" creationId="{DFAFEBA7-4918-431A-8F57-2FBA9D976220}"/>
          </ac:spMkLst>
        </pc:spChg>
        <pc:spChg chg="add del mod modVis">
          <ac:chgData name="Manuel Lidauer" userId="b55e45dd-c6cc-461d-bef5-835fc172e678" providerId="ADAL" clId="{BCD0C6F6-2D95-4A66-B702-D3858BC1FC00}" dt="2019-09-26T10:15:33.411" v="63170"/>
          <ac:spMkLst>
            <pc:docMk/>
            <pc:sldMk cId="1279582212" sldId="257"/>
            <ac:spMk id="1888" creationId="{D634B3C2-3508-45EC-9352-FF79A5AD912A}"/>
          </ac:spMkLst>
        </pc:spChg>
        <pc:spChg chg="add del mod modVis">
          <ac:chgData name="Manuel Lidauer" userId="b55e45dd-c6cc-461d-bef5-835fc172e678" providerId="ADAL" clId="{BCD0C6F6-2D95-4A66-B702-D3858BC1FC00}" dt="2019-09-26T10:15:33.412" v="63172"/>
          <ac:spMkLst>
            <pc:docMk/>
            <pc:sldMk cId="1279582212" sldId="257"/>
            <ac:spMk id="1889" creationId="{F175D9F1-5E3E-4956-B4DD-830EE22D9841}"/>
          </ac:spMkLst>
        </pc:spChg>
        <pc:spChg chg="add del mod modVis">
          <ac:chgData name="Manuel Lidauer" userId="b55e45dd-c6cc-461d-bef5-835fc172e678" providerId="ADAL" clId="{BCD0C6F6-2D95-4A66-B702-D3858BC1FC00}" dt="2019-09-26T10:15:33.412" v="63174"/>
          <ac:spMkLst>
            <pc:docMk/>
            <pc:sldMk cId="1279582212" sldId="257"/>
            <ac:spMk id="1890" creationId="{13C78740-9ED3-4B85-9470-85E474BF274A}"/>
          </ac:spMkLst>
        </pc:spChg>
        <pc:spChg chg="add del mod modVis">
          <ac:chgData name="Manuel Lidauer" userId="b55e45dd-c6cc-461d-bef5-835fc172e678" providerId="ADAL" clId="{BCD0C6F6-2D95-4A66-B702-D3858BC1FC00}" dt="2019-09-26T10:15:33.413" v="63176"/>
          <ac:spMkLst>
            <pc:docMk/>
            <pc:sldMk cId="1279582212" sldId="257"/>
            <ac:spMk id="1891" creationId="{45945732-6DBC-4A58-BF84-1AECEB92D3A4}"/>
          </ac:spMkLst>
        </pc:spChg>
        <pc:spChg chg="add del mod modVis">
          <ac:chgData name="Manuel Lidauer" userId="b55e45dd-c6cc-461d-bef5-835fc172e678" providerId="ADAL" clId="{BCD0C6F6-2D95-4A66-B702-D3858BC1FC00}" dt="2019-09-26T10:15:33.413" v="63177"/>
          <ac:spMkLst>
            <pc:docMk/>
            <pc:sldMk cId="1279582212" sldId="257"/>
            <ac:spMk id="1892" creationId="{B087CC87-E229-48E1-82C7-EE76C263FF4B}"/>
          </ac:spMkLst>
        </pc:spChg>
        <pc:spChg chg="add del mod modVis">
          <ac:chgData name="Manuel Lidauer" userId="b55e45dd-c6cc-461d-bef5-835fc172e678" providerId="ADAL" clId="{BCD0C6F6-2D95-4A66-B702-D3858BC1FC00}" dt="2019-09-26T10:15:33.414" v="63179"/>
          <ac:spMkLst>
            <pc:docMk/>
            <pc:sldMk cId="1279582212" sldId="257"/>
            <ac:spMk id="1893" creationId="{16D4ADB5-237C-4B10-A15A-3EDE1F6AF6C2}"/>
          </ac:spMkLst>
        </pc:spChg>
        <pc:spChg chg="add del mod modVis">
          <ac:chgData name="Manuel Lidauer" userId="b55e45dd-c6cc-461d-bef5-835fc172e678" providerId="ADAL" clId="{BCD0C6F6-2D95-4A66-B702-D3858BC1FC00}" dt="2019-09-26T10:15:33.415" v="63181"/>
          <ac:spMkLst>
            <pc:docMk/>
            <pc:sldMk cId="1279582212" sldId="257"/>
            <ac:spMk id="1894" creationId="{7B0420FA-76E0-4B17-B61C-1B8C619A2A3B}"/>
          </ac:spMkLst>
        </pc:spChg>
        <pc:spChg chg="add del mod modVis">
          <ac:chgData name="Manuel Lidauer" userId="b55e45dd-c6cc-461d-bef5-835fc172e678" providerId="ADAL" clId="{BCD0C6F6-2D95-4A66-B702-D3858BC1FC00}" dt="2019-09-26T10:15:33.415" v="63183"/>
          <ac:spMkLst>
            <pc:docMk/>
            <pc:sldMk cId="1279582212" sldId="257"/>
            <ac:spMk id="1895" creationId="{22838DB2-4031-4EE3-9EF3-BDD8332E10F5}"/>
          </ac:spMkLst>
        </pc:spChg>
        <pc:spChg chg="add del mod modVis">
          <ac:chgData name="Manuel Lidauer" userId="b55e45dd-c6cc-461d-bef5-835fc172e678" providerId="ADAL" clId="{BCD0C6F6-2D95-4A66-B702-D3858BC1FC00}" dt="2019-09-26T10:15:33.416" v="63185"/>
          <ac:spMkLst>
            <pc:docMk/>
            <pc:sldMk cId="1279582212" sldId="257"/>
            <ac:spMk id="1896" creationId="{79B869A2-08CD-4E32-9B6C-4237DD99155E}"/>
          </ac:spMkLst>
        </pc:spChg>
        <pc:spChg chg="add del mod modVis">
          <ac:chgData name="Manuel Lidauer" userId="b55e45dd-c6cc-461d-bef5-835fc172e678" providerId="ADAL" clId="{BCD0C6F6-2D95-4A66-B702-D3858BC1FC00}" dt="2019-09-26T10:15:33.417" v="63187"/>
          <ac:spMkLst>
            <pc:docMk/>
            <pc:sldMk cId="1279582212" sldId="257"/>
            <ac:spMk id="1897" creationId="{6F5AF2DD-31E3-49DA-919A-1CB1269146E5}"/>
          </ac:spMkLst>
        </pc:spChg>
        <pc:spChg chg="add del mod modVis">
          <ac:chgData name="Manuel Lidauer" userId="b55e45dd-c6cc-461d-bef5-835fc172e678" providerId="ADAL" clId="{BCD0C6F6-2D95-4A66-B702-D3858BC1FC00}" dt="2019-09-26T10:15:33.417" v="63189"/>
          <ac:spMkLst>
            <pc:docMk/>
            <pc:sldMk cId="1279582212" sldId="257"/>
            <ac:spMk id="1898" creationId="{ACD4EAFF-5BE7-4162-AEDA-3AE36CF7D244}"/>
          </ac:spMkLst>
        </pc:spChg>
        <pc:spChg chg="add del mod modVis">
          <ac:chgData name="Manuel Lidauer" userId="b55e45dd-c6cc-461d-bef5-835fc172e678" providerId="ADAL" clId="{BCD0C6F6-2D95-4A66-B702-D3858BC1FC00}" dt="2019-09-26T10:15:33.418" v="63191"/>
          <ac:spMkLst>
            <pc:docMk/>
            <pc:sldMk cId="1279582212" sldId="257"/>
            <ac:spMk id="1899" creationId="{D188BE52-88C0-4B24-9AD3-B203C92EA1F0}"/>
          </ac:spMkLst>
        </pc:spChg>
        <pc:spChg chg="add del mod modVis">
          <ac:chgData name="Manuel Lidauer" userId="b55e45dd-c6cc-461d-bef5-835fc172e678" providerId="ADAL" clId="{BCD0C6F6-2D95-4A66-B702-D3858BC1FC00}" dt="2019-09-26T10:15:33.418" v="63192"/>
          <ac:spMkLst>
            <pc:docMk/>
            <pc:sldMk cId="1279582212" sldId="257"/>
            <ac:spMk id="1900" creationId="{6238C5ED-C240-4183-99C7-FB795EA089A0}"/>
          </ac:spMkLst>
        </pc:spChg>
        <pc:spChg chg="add del mod modVis">
          <ac:chgData name="Manuel Lidauer" userId="b55e45dd-c6cc-461d-bef5-835fc172e678" providerId="ADAL" clId="{BCD0C6F6-2D95-4A66-B702-D3858BC1FC00}" dt="2019-09-26T10:15:33.419" v="63194"/>
          <ac:spMkLst>
            <pc:docMk/>
            <pc:sldMk cId="1279582212" sldId="257"/>
            <ac:spMk id="1901" creationId="{588FD9C6-91A8-47E8-8468-C0DE76B4149F}"/>
          </ac:spMkLst>
        </pc:spChg>
        <pc:spChg chg="add del mod modVis">
          <ac:chgData name="Manuel Lidauer" userId="b55e45dd-c6cc-461d-bef5-835fc172e678" providerId="ADAL" clId="{BCD0C6F6-2D95-4A66-B702-D3858BC1FC00}" dt="2019-09-26T10:15:33.420" v="63196"/>
          <ac:spMkLst>
            <pc:docMk/>
            <pc:sldMk cId="1279582212" sldId="257"/>
            <ac:spMk id="1902" creationId="{90DA5443-D0E5-4EC0-A3BA-035696C1C99C}"/>
          </ac:spMkLst>
        </pc:spChg>
        <pc:spChg chg="add del mod modVis">
          <ac:chgData name="Manuel Lidauer" userId="b55e45dd-c6cc-461d-bef5-835fc172e678" providerId="ADAL" clId="{BCD0C6F6-2D95-4A66-B702-D3858BC1FC00}" dt="2019-09-26T10:15:33.420" v="63198"/>
          <ac:spMkLst>
            <pc:docMk/>
            <pc:sldMk cId="1279582212" sldId="257"/>
            <ac:spMk id="1903" creationId="{620AF056-ECF9-4398-84F2-A6D0325E9DCD}"/>
          </ac:spMkLst>
        </pc:spChg>
        <pc:spChg chg="add del mod modVis">
          <ac:chgData name="Manuel Lidauer" userId="b55e45dd-c6cc-461d-bef5-835fc172e678" providerId="ADAL" clId="{BCD0C6F6-2D95-4A66-B702-D3858BC1FC00}" dt="2019-09-26T10:15:33.421" v="63200"/>
          <ac:spMkLst>
            <pc:docMk/>
            <pc:sldMk cId="1279582212" sldId="257"/>
            <ac:spMk id="1904" creationId="{3F3C8F8E-B311-44B2-9F77-F7CA1E1C75AD}"/>
          </ac:spMkLst>
        </pc:spChg>
        <pc:spChg chg="add del mod modVis">
          <ac:chgData name="Manuel Lidauer" userId="b55e45dd-c6cc-461d-bef5-835fc172e678" providerId="ADAL" clId="{BCD0C6F6-2D95-4A66-B702-D3858BC1FC00}" dt="2019-09-26T10:15:33.422" v="63202"/>
          <ac:spMkLst>
            <pc:docMk/>
            <pc:sldMk cId="1279582212" sldId="257"/>
            <ac:spMk id="1905" creationId="{2FF942BB-1370-448E-A191-BC7575241CCF}"/>
          </ac:spMkLst>
        </pc:spChg>
        <pc:spChg chg="add del mod modVis">
          <ac:chgData name="Manuel Lidauer" userId="b55e45dd-c6cc-461d-bef5-835fc172e678" providerId="ADAL" clId="{BCD0C6F6-2D95-4A66-B702-D3858BC1FC00}" dt="2019-09-26T10:15:33.423" v="63204"/>
          <ac:spMkLst>
            <pc:docMk/>
            <pc:sldMk cId="1279582212" sldId="257"/>
            <ac:spMk id="1906" creationId="{D26B843C-EAEF-4842-BAEE-F75720F03D0B}"/>
          </ac:spMkLst>
        </pc:spChg>
        <pc:spChg chg="add del mod modVis">
          <ac:chgData name="Manuel Lidauer" userId="b55e45dd-c6cc-461d-bef5-835fc172e678" providerId="ADAL" clId="{BCD0C6F6-2D95-4A66-B702-D3858BC1FC00}" dt="2019-09-26T10:15:33.424" v="63206"/>
          <ac:spMkLst>
            <pc:docMk/>
            <pc:sldMk cId="1279582212" sldId="257"/>
            <ac:spMk id="1907" creationId="{D923B972-C36F-49C6-9733-8F719C0BED64}"/>
          </ac:spMkLst>
        </pc:spChg>
        <pc:spChg chg="add del mod modVis">
          <ac:chgData name="Manuel Lidauer" userId="b55e45dd-c6cc-461d-bef5-835fc172e678" providerId="ADAL" clId="{BCD0C6F6-2D95-4A66-B702-D3858BC1FC00}" dt="2019-09-26T10:15:33.424" v="63207"/>
          <ac:spMkLst>
            <pc:docMk/>
            <pc:sldMk cId="1279582212" sldId="257"/>
            <ac:spMk id="1908" creationId="{808CB80C-D87C-43C6-AECE-FAEF4443AA92}"/>
          </ac:spMkLst>
        </pc:spChg>
        <pc:spChg chg="add del mod modVis">
          <ac:chgData name="Manuel Lidauer" userId="b55e45dd-c6cc-461d-bef5-835fc172e678" providerId="ADAL" clId="{BCD0C6F6-2D95-4A66-B702-D3858BC1FC00}" dt="2019-09-26T10:15:33.425" v="63209"/>
          <ac:spMkLst>
            <pc:docMk/>
            <pc:sldMk cId="1279582212" sldId="257"/>
            <ac:spMk id="1909" creationId="{8AB0F65F-EFD2-41EB-8096-06A4CD1C1A51}"/>
          </ac:spMkLst>
        </pc:spChg>
        <pc:spChg chg="add del mod modVis">
          <ac:chgData name="Manuel Lidauer" userId="b55e45dd-c6cc-461d-bef5-835fc172e678" providerId="ADAL" clId="{BCD0C6F6-2D95-4A66-B702-D3858BC1FC00}" dt="2019-09-26T10:15:33.426" v="63211"/>
          <ac:spMkLst>
            <pc:docMk/>
            <pc:sldMk cId="1279582212" sldId="257"/>
            <ac:spMk id="1910" creationId="{C18FB250-D8E1-46F5-B112-5B448F301CDE}"/>
          </ac:spMkLst>
        </pc:spChg>
        <pc:spChg chg="add del mod modVis">
          <ac:chgData name="Manuel Lidauer" userId="b55e45dd-c6cc-461d-bef5-835fc172e678" providerId="ADAL" clId="{BCD0C6F6-2D95-4A66-B702-D3858BC1FC00}" dt="2019-09-26T10:15:33.426" v="63213"/>
          <ac:spMkLst>
            <pc:docMk/>
            <pc:sldMk cId="1279582212" sldId="257"/>
            <ac:spMk id="1911" creationId="{B0EE2A46-A77F-4432-9115-9C72BD6F386B}"/>
          </ac:spMkLst>
        </pc:spChg>
        <pc:spChg chg="add del mod modVis">
          <ac:chgData name="Manuel Lidauer" userId="b55e45dd-c6cc-461d-bef5-835fc172e678" providerId="ADAL" clId="{BCD0C6F6-2D95-4A66-B702-D3858BC1FC00}" dt="2019-09-26T10:15:33.427" v="63215"/>
          <ac:spMkLst>
            <pc:docMk/>
            <pc:sldMk cId="1279582212" sldId="257"/>
            <ac:spMk id="1912" creationId="{873E793C-F664-4B62-8944-520E328B1AA3}"/>
          </ac:spMkLst>
        </pc:spChg>
        <pc:spChg chg="add del mod modVis">
          <ac:chgData name="Manuel Lidauer" userId="b55e45dd-c6cc-461d-bef5-835fc172e678" providerId="ADAL" clId="{BCD0C6F6-2D95-4A66-B702-D3858BC1FC00}" dt="2019-09-26T10:15:33.428" v="63217"/>
          <ac:spMkLst>
            <pc:docMk/>
            <pc:sldMk cId="1279582212" sldId="257"/>
            <ac:spMk id="1913" creationId="{E55935AC-0255-4F1D-A2D1-E633F68EDB13}"/>
          </ac:spMkLst>
        </pc:spChg>
        <pc:spChg chg="add del mod modVis">
          <ac:chgData name="Manuel Lidauer" userId="b55e45dd-c6cc-461d-bef5-835fc172e678" providerId="ADAL" clId="{BCD0C6F6-2D95-4A66-B702-D3858BC1FC00}" dt="2019-09-26T10:15:33.428" v="63219"/>
          <ac:spMkLst>
            <pc:docMk/>
            <pc:sldMk cId="1279582212" sldId="257"/>
            <ac:spMk id="1914" creationId="{8E9E7ADC-8A39-4EB3-89DC-1B6541F23D1B}"/>
          </ac:spMkLst>
        </pc:spChg>
        <pc:spChg chg="add del mod modVis">
          <ac:chgData name="Manuel Lidauer" userId="b55e45dd-c6cc-461d-bef5-835fc172e678" providerId="ADAL" clId="{BCD0C6F6-2D95-4A66-B702-D3858BC1FC00}" dt="2019-09-26T10:15:33.429" v="63221"/>
          <ac:spMkLst>
            <pc:docMk/>
            <pc:sldMk cId="1279582212" sldId="257"/>
            <ac:spMk id="1915" creationId="{99E32A24-DCC6-469C-90A6-E732CDC094E2}"/>
          </ac:spMkLst>
        </pc:spChg>
        <pc:spChg chg="add del mod modVis">
          <ac:chgData name="Manuel Lidauer" userId="b55e45dd-c6cc-461d-bef5-835fc172e678" providerId="ADAL" clId="{BCD0C6F6-2D95-4A66-B702-D3858BC1FC00}" dt="2019-09-26T10:15:33.429" v="63222"/>
          <ac:spMkLst>
            <pc:docMk/>
            <pc:sldMk cId="1279582212" sldId="257"/>
            <ac:spMk id="1916" creationId="{60B071C7-9E64-473C-8C32-2853651B2247}"/>
          </ac:spMkLst>
        </pc:spChg>
        <pc:spChg chg="add del mod modVis">
          <ac:chgData name="Manuel Lidauer" userId="b55e45dd-c6cc-461d-bef5-835fc172e678" providerId="ADAL" clId="{BCD0C6F6-2D95-4A66-B702-D3858BC1FC00}" dt="2019-09-26T10:15:33.430" v="63224"/>
          <ac:spMkLst>
            <pc:docMk/>
            <pc:sldMk cId="1279582212" sldId="257"/>
            <ac:spMk id="1917" creationId="{155CA3BF-A425-4094-8447-67470356EA85}"/>
          </ac:spMkLst>
        </pc:spChg>
        <pc:spChg chg="add del mod modVis">
          <ac:chgData name="Manuel Lidauer" userId="b55e45dd-c6cc-461d-bef5-835fc172e678" providerId="ADAL" clId="{BCD0C6F6-2D95-4A66-B702-D3858BC1FC00}" dt="2019-09-26T10:15:33.431" v="63226"/>
          <ac:spMkLst>
            <pc:docMk/>
            <pc:sldMk cId="1279582212" sldId="257"/>
            <ac:spMk id="1918" creationId="{0F6FCC64-3B11-483A-B4A9-75FDF8439A2E}"/>
          </ac:spMkLst>
        </pc:spChg>
        <pc:spChg chg="add del mod modVis">
          <ac:chgData name="Manuel Lidauer" userId="b55e45dd-c6cc-461d-bef5-835fc172e678" providerId="ADAL" clId="{BCD0C6F6-2D95-4A66-B702-D3858BC1FC00}" dt="2019-09-26T10:15:33.431" v="63228"/>
          <ac:spMkLst>
            <pc:docMk/>
            <pc:sldMk cId="1279582212" sldId="257"/>
            <ac:spMk id="1919" creationId="{BDDAFB14-245B-406F-B23B-683718F115BA}"/>
          </ac:spMkLst>
        </pc:spChg>
        <pc:spChg chg="add del mod modVis">
          <ac:chgData name="Manuel Lidauer" userId="b55e45dd-c6cc-461d-bef5-835fc172e678" providerId="ADAL" clId="{BCD0C6F6-2D95-4A66-B702-D3858BC1FC00}" dt="2019-09-26T10:15:33.432" v="63230"/>
          <ac:spMkLst>
            <pc:docMk/>
            <pc:sldMk cId="1279582212" sldId="257"/>
            <ac:spMk id="1920" creationId="{320B8624-BE4A-479D-AEF0-AD6E45F80243}"/>
          </ac:spMkLst>
        </pc:spChg>
        <pc:spChg chg="add del mod modVis">
          <ac:chgData name="Manuel Lidauer" userId="b55e45dd-c6cc-461d-bef5-835fc172e678" providerId="ADAL" clId="{BCD0C6F6-2D95-4A66-B702-D3858BC1FC00}" dt="2019-09-26T10:15:33.433" v="63232"/>
          <ac:spMkLst>
            <pc:docMk/>
            <pc:sldMk cId="1279582212" sldId="257"/>
            <ac:spMk id="1921" creationId="{A1088F87-E87F-44D2-AE4C-4AC5CE259947}"/>
          </ac:spMkLst>
        </pc:spChg>
        <pc:spChg chg="add del mod modVis">
          <ac:chgData name="Manuel Lidauer" userId="b55e45dd-c6cc-461d-bef5-835fc172e678" providerId="ADAL" clId="{BCD0C6F6-2D95-4A66-B702-D3858BC1FC00}" dt="2019-09-26T10:15:33.434" v="63234"/>
          <ac:spMkLst>
            <pc:docMk/>
            <pc:sldMk cId="1279582212" sldId="257"/>
            <ac:spMk id="1922" creationId="{097305C9-99EF-4D5D-B1A9-EE32A912F5FE}"/>
          </ac:spMkLst>
        </pc:spChg>
        <pc:spChg chg="add del mod modVis">
          <ac:chgData name="Manuel Lidauer" userId="b55e45dd-c6cc-461d-bef5-835fc172e678" providerId="ADAL" clId="{BCD0C6F6-2D95-4A66-B702-D3858BC1FC00}" dt="2019-09-26T10:15:33.434" v="63236"/>
          <ac:spMkLst>
            <pc:docMk/>
            <pc:sldMk cId="1279582212" sldId="257"/>
            <ac:spMk id="1923" creationId="{72647194-0A15-4BE2-BA6F-5DC3DBEDBCE5}"/>
          </ac:spMkLst>
        </pc:spChg>
        <pc:spChg chg="add del mod modVis">
          <ac:chgData name="Manuel Lidauer" userId="b55e45dd-c6cc-461d-bef5-835fc172e678" providerId="ADAL" clId="{BCD0C6F6-2D95-4A66-B702-D3858BC1FC00}" dt="2019-09-26T10:15:33.435" v="63237"/>
          <ac:spMkLst>
            <pc:docMk/>
            <pc:sldMk cId="1279582212" sldId="257"/>
            <ac:spMk id="1924" creationId="{CAE322AE-1101-472A-966A-72FB46E4CB0C}"/>
          </ac:spMkLst>
        </pc:spChg>
        <pc:spChg chg="add del mod modVis">
          <ac:chgData name="Manuel Lidauer" userId="b55e45dd-c6cc-461d-bef5-835fc172e678" providerId="ADAL" clId="{BCD0C6F6-2D95-4A66-B702-D3858BC1FC00}" dt="2019-09-26T10:15:33.435" v="63239"/>
          <ac:spMkLst>
            <pc:docMk/>
            <pc:sldMk cId="1279582212" sldId="257"/>
            <ac:spMk id="1925" creationId="{508F943C-96AE-45F2-B926-A350173627CA}"/>
          </ac:spMkLst>
        </pc:spChg>
        <pc:spChg chg="add del mod modVis">
          <ac:chgData name="Manuel Lidauer" userId="b55e45dd-c6cc-461d-bef5-835fc172e678" providerId="ADAL" clId="{BCD0C6F6-2D95-4A66-B702-D3858BC1FC00}" dt="2019-09-26T10:15:33.436" v="63241"/>
          <ac:spMkLst>
            <pc:docMk/>
            <pc:sldMk cId="1279582212" sldId="257"/>
            <ac:spMk id="1926" creationId="{9C7B3257-DA1A-4913-A36F-DED87ED128BE}"/>
          </ac:spMkLst>
        </pc:spChg>
        <pc:spChg chg="add del mod modVis">
          <ac:chgData name="Manuel Lidauer" userId="b55e45dd-c6cc-461d-bef5-835fc172e678" providerId="ADAL" clId="{BCD0C6F6-2D95-4A66-B702-D3858BC1FC00}" dt="2019-09-26T10:15:33.437" v="63243"/>
          <ac:spMkLst>
            <pc:docMk/>
            <pc:sldMk cId="1279582212" sldId="257"/>
            <ac:spMk id="1927" creationId="{B124D9FB-1276-4DA0-B2CC-31AB11D20E3B}"/>
          </ac:spMkLst>
        </pc:spChg>
        <pc:spChg chg="add del mod modVis">
          <ac:chgData name="Manuel Lidauer" userId="b55e45dd-c6cc-461d-bef5-835fc172e678" providerId="ADAL" clId="{BCD0C6F6-2D95-4A66-B702-D3858BC1FC00}" dt="2019-09-26T10:15:33.437" v="63245"/>
          <ac:spMkLst>
            <pc:docMk/>
            <pc:sldMk cId="1279582212" sldId="257"/>
            <ac:spMk id="1928" creationId="{4667B3D1-1028-435A-AF7F-FE0FEB66ED74}"/>
          </ac:spMkLst>
        </pc:spChg>
        <pc:spChg chg="add del mod modVis">
          <ac:chgData name="Manuel Lidauer" userId="b55e45dd-c6cc-461d-bef5-835fc172e678" providerId="ADAL" clId="{BCD0C6F6-2D95-4A66-B702-D3858BC1FC00}" dt="2019-09-26T10:15:33.438" v="63247"/>
          <ac:spMkLst>
            <pc:docMk/>
            <pc:sldMk cId="1279582212" sldId="257"/>
            <ac:spMk id="1929" creationId="{E535F7E4-205F-48B8-A637-67650D959896}"/>
          </ac:spMkLst>
        </pc:spChg>
        <pc:spChg chg="add del mod modVis">
          <ac:chgData name="Manuel Lidauer" userId="b55e45dd-c6cc-461d-bef5-835fc172e678" providerId="ADAL" clId="{BCD0C6F6-2D95-4A66-B702-D3858BC1FC00}" dt="2019-09-26T10:15:33.439" v="63249"/>
          <ac:spMkLst>
            <pc:docMk/>
            <pc:sldMk cId="1279582212" sldId="257"/>
            <ac:spMk id="1930" creationId="{67B11863-C3D8-4148-BFE5-4A9D422B73DC}"/>
          </ac:spMkLst>
        </pc:spChg>
        <pc:spChg chg="add del mod modVis">
          <ac:chgData name="Manuel Lidauer" userId="b55e45dd-c6cc-461d-bef5-835fc172e678" providerId="ADAL" clId="{BCD0C6F6-2D95-4A66-B702-D3858BC1FC00}" dt="2019-09-26T10:15:33.439" v="63251"/>
          <ac:spMkLst>
            <pc:docMk/>
            <pc:sldMk cId="1279582212" sldId="257"/>
            <ac:spMk id="1931" creationId="{F68AD213-6E46-4CC4-B0BD-9B3582A86FA5}"/>
          </ac:spMkLst>
        </pc:spChg>
        <pc:spChg chg="add del mod modVis">
          <ac:chgData name="Manuel Lidauer" userId="b55e45dd-c6cc-461d-bef5-835fc172e678" providerId="ADAL" clId="{BCD0C6F6-2D95-4A66-B702-D3858BC1FC00}" dt="2019-09-26T10:15:33.440" v="63252"/>
          <ac:spMkLst>
            <pc:docMk/>
            <pc:sldMk cId="1279582212" sldId="257"/>
            <ac:spMk id="1932" creationId="{16CD9E9C-0EA6-4EDF-A157-E17D696DE436}"/>
          </ac:spMkLst>
        </pc:spChg>
        <pc:spChg chg="add del mod modVis">
          <ac:chgData name="Manuel Lidauer" userId="b55e45dd-c6cc-461d-bef5-835fc172e678" providerId="ADAL" clId="{BCD0C6F6-2D95-4A66-B702-D3858BC1FC00}" dt="2019-09-26T10:15:33.441" v="63254"/>
          <ac:spMkLst>
            <pc:docMk/>
            <pc:sldMk cId="1279582212" sldId="257"/>
            <ac:spMk id="1933" creationId="{39E8A29E-34EB-4CC8-B13D-C8C3D6643935}"/>
          </ac:spMkLst>
        </pc:spChg>
        <pc:spChg chg="add del mod modVis">
          <ac:chgData name="Manuel Lidauer" userId="b55e45dd-c6cc-461d-bef5-835fc172e678" providerId="ADAL" clId="{BCD0C6F6-2D95-4A66-B702-D3858BC1FC00}" dt="2019-09-26T10:15:33.442" v="63256"/>
          <ac:spMkLst>
            <pc:docMk/>
            <pc:sldMk cId="1279582212" sldId="257"/>
            <ac:spMk id="1934" creationId="{6F75F9F3-7E57-4AC6-9D63-BC9510A4F909}"/>
          </ac:spMkLst>
        </pc:spChg>
        <pc:spChg chg="add del mod modVis">
          <ac:chgData name="Manuel Lidauer" userId="b55e45dd-c6cc-461d-bef5-835fc172e678" providerId="ADAL" clId="{BCD0C6F6-2D95-4A66-B702-D3858BC1FC00}" dt="2019-09-26T10:15:33.442" v="63258"/>
          <ac:spMkLst>
            <pc:docMk/>
            <pc:sldMk cId="1279582212" sldId="257"/>
            <ac:spMk id="1935" creationId="{A8901F8C-FCA2-4A8B-8CB1-395AFC3E0D67}"/>
          </ac:spMkLst>
        </pc:spChg>
        <pc:spChg chg="add del mod modVis">
          <ac:chgData name="Manuel Lidauer" userId="b55e45dd-c6cc-461d-bef5-835fc172e678" providerId="ADAL" clId="{BCD0C6F6-2D95-4A66-B702-D3858BC1FC00}" dt="2019-09-26T10:15:33.443" v="63260"/>
          <ac:spMkLst>
            <pc:docMk/>
            <pc:sldMk cId="1279582212" sldId="257"/>
            <ac:spMk id="1936" creationId="{7F88EFE4-C85F-4CCE-B883-11E7F705141B}"/>
          </ac:spMkLst>
        </pc:spChg>
        <pc:spChg chg="add del mod modVis">
          <ac:chgData name="Manuel Lidauer" userId="b55e45dd-c6cc-461d-bef5-835fc172e678" providerId="ADAL" clId="{BCD0C6F6-2D95-4A66-B702-D3858BC1FC00}" dt="2019-09-26T10:15:33.444" v="63262"/>
          <ac:spMkLst>
            <pc:docMk/>
            <pc:sldMk cId="1279582212" sldId="257"/>
            <ac:spMk id="1937" creationId="{44BD7D66-D727-49BA-8674-B439603115F4}"/>
          </ac:spMkLst>
        </pc:spChg>
        <pc:spChg chg="add del mod modVis">
          <ac:chgData name="Manuel Lidauer" userId="b55e45dd-c6cc-461d-bef5-835fc172e678" providerId="ADAL" clId="{BCD0C6F6-2D95-4A66-B702-D3858BC1FC00}" dt="2019-09-26T10:15:33.444" v="63264"/>
          <ac:spMkLst>
            <pc:docMk/>
            <pc:sldMk cId="1279582212" sldId="257"/>
            <ac:spMk id="1938" creationId="{C4201494-BDB7-4E80-90EA-00A801FDA26F}"/>
          </ac:spMkLst>
        </pc:spChg>
        <pc:spChg chg="add del mod modVis">
          <ac:chgData name="Manuel Lidauer" userId="b55e45dd-c6cc-461d-bef5-835fc172e678" providerId="ADAL" clId="{BCD0C6F6-2D95-4A66-B702-D3858BC1FC00}" dt="2019-09-26T10:15:33.445" v="63266"/>
          <ac:spMkLst>
            <pc:docMk/>
            <pc:sldMk cId="1279582212" sldId="257"/>
            <ac:spMk id="1939" creationId="{EC4327B4-4B1B-4259-82AA-21BAED3596BF}"/>
          </ac:spMkLst>
        </pc:spChg>
        <pc:spChg chg="add del mod modVis">
          <ac:chgData name="Manuel Lidauer" userId="b55e45dd-c6cc-461d-bef5-835fc172e678" providerId="ADAL" clId="{BCD0C6F6-2D95-4A66-B702-D3858BC1FC00}" dt="2019-09-26T10:15:33.446" v="63267"/>
          <ac:spMkLst>
            <pc:docMk/>
            <pc:sldMk cId="1279582212" sldId="257"/>
            <ac:spMk id="1940" creationId="{7985D4A1-BD47-48B9-87C6-356F09F7EEA6}"/>
          </ac:spMkLst>
        </pc:spChg>
        <pc:spChg chg="add del mod modVis">
          <ac:chgData name="Manuel Lidauer" userId="b55e45dd-c6cc-461d-bef5-835fc172e678" providerId="ADAL" clId="{BCD0C6F6-2D95-4A66-B702-D3858BC1FC00}" dt="2019-09-26T10:15:33.446" v="63269"/>
          <ac:spMkLst>
            <pc:docMk/>
            <pc:sldMk cId="1279582212" sldId="257"/>
            <ac:spMk id="1941" creationId="{7346F9F0-18CA-4131-9848-A8395290AF61}"/>
          </ac:spMkLst>
        </pc:spChg>
        <pc:spChg chg="add del mod modVis">
          <ac:chgData name="Manuel Lidauer" userId="b55e45dd-c6cc-461d-bef5-835fc172e678" providerId="ADAL" clId="{BCD0C6F6-2D95-4A66-B702-D3858BC1FC00}" dt="2019-09-26T10:15:33.447" v="63271"/>
          <ac:spMkLst>
            <pc:docMk/>
            <pc:sldMk cId="1279582212" sldId="257"/>
            <ac:spMk id="1942" creationId="{8EAE4626-2B70-4D32-A9D8-E7FFD43C8F54}"/>
          </ac:spMkLst>
        </pc:spChg>
        <pc:spChg chg="add del mod modVis">
          <ac:chgData name="Manuel Lidauer" userId="b55e45dd-c6cc-461d-bef5-835fc172e678" providerId="ADAL" clId="{BCD0C6F6-2D95-4A66-B702-D3858BC1FC00}" dt="2019-09-26T10:15:33.448" v="63273"/>
          <ac:spMkLst>
            <pc:docMk/>
            <pc:sldMk cId="1279582212" sldId="257"/>
            <ac:spMk id="1943" creationId="{B0096A6E-EA9A-4978-BF71-9B69C5C2190B}"/>
          </ac:spMkLst>
        </pc:spChg>
        <pc:spChg chg="add del mod modVis">
          <ac:chgData name="Manuel Lidauer" userId="b55e45dd-c6cc-461d-bef5-835fc172e678" providerId="ADAL" clId="{BCD0C6F6-2D95-4A66-B702-D3858BC1FC00}" dt="2019-09-26T10:15:33.448" v="63275"/>
          <ac:spMkLst>
            <pc:docMk/>
            <pc:sldMk cId="1279582212" sldId="257"/>
            <ac:spMk id="1944" creationId="{73FAFAE0-E48C-48A2-A081-5273833DBD76}"/>
          </ac:spMkLst>
        </pc:spChg>
        <pc:spChg chg="add del mod modVis">
          <ac:chgData name="Manuel Lidauer" userId="b55e45dd-c6cc-461d-bef5-835fc172e678" providerId="ADAL" clId="{BCD0C6F6-2D95-4A66-B702-D3858BC1FC00}" dt="2019-09-26T10:15:33.449" v="63277"/>
          <ac:spMkLst>
            <pc:docMk/>
            <pc:sldMk cId="1279582212" sldId="257"/>
            <ac:spMk id="1945" creationId="{735863F6-F50B-43B9-B9BC-5518FA110E8B}"/>
          </ac:spMkLst>
        </pc:spChg>
        <pc:spChg chg="add del mod modVis">
          <ac:chgData name="Manuel Lidauer" userId="b55e45dd-c6cc-461d-bef5-835fc172e678" providerId="ADAL" clId="{BCD0C6F6-2D95-4A66-B702-D3858BC1FC00}" dt="2019-09-26T10:15:33.450" v="63279"/>
          <ac:spMkLst>
            <pc:docMk/>
            <pc:sldMk cId="1279582212" sldId="257"/>
            <ac:spMk id="1946" creationId="{D568DE50-A273-40EF-9B9B-022F30849743}"/>
          </ac:spMkLst>
        </pc:spChg>
        <pc:spChg chg="add del mod modVis">
          <ac:chgData name="Manuel Lidauer" userId="b55e45dd-c6cc-461d-bef5-835fc172e678" providerId="ADAL" clId="{BCD0C6F6-2D95-4A66-B702-D3858BC1FC00}" dt="2019-09-26T10:15:33.450" v="63281"/>
          <ac:spMkLst>
            <pc:docMk/>
            <pc:sldMk cId="1279582212" sldId="257"/>
            <ac:spMk id="1947" creationId="{1C717ACD-2D3A-48A1-AE91-B0E8BB3A3408}"/>
          </ac:spMkLst>
        </pc:spChg>
        <pc:spChg chg="add del mod modVis">
          <ac:chgData name="Manuel Lidauer" userId="b55e45dd-c6cc-461d-bef5-835fc172e678" providerId="ADAL" clId="{BCD0C6F6-2D95-4A66-B702-D3858BC1FC00}" dt="2019-09-26T10:15:33.451" v="63282"/>
          <ac:spMkLst>
            <pc:docMk/>
            <pc:sldMk cId="1279582212" sldId="257"/>
            <ac:spMk id="1948" creationId="{DB11EBA2-DAA5-4077-A676-2F1320F8C33A}"/>
          </ac:spMkLst>
        </pc:spChg>
        <pc:spChg chg="add del mod modVis">
          <ac:chgData name="Manuel Lidauer" userId="b55e45dd-c6cc-461d-bef5-835fc172e678" providerId="ADAL" clId="{BCD0C6F6-2D95-4A66-B702-D3858BC1FC00}" dt="2019-09-26T10:15:33.451" v="63284"/>
          <ac:spMkLst>
            <pc:docMk/>
            <pc:sldMk cId="1279582212" sldId="257"/>
            <ac:spMk id="1949" creationId="{3E7F61C2-9F0C-4FD9-9CB2-02C3BDC6878B}"/>
          </ac:spMkLst>
        </pc:spChg>
        <pc:spChg chg="add del mod modVis">
          <ac:chgData name="Manuel Lidauer" userId="b55e45dd-c6cc-461d-bef5-835fc172e678" providerId="ADAL" clId="{BCD0C6F6-2D95-4A66-B702-D3858BC1FC00}" dt="2019-09-26T10:15:33.452" v="63286"/>
          <ac:spMkLst>
            <pc:docMk/>
            <pc:sldMk cId="1279582212" sldId="257"/>
            <ac:spMk id="1950" creationId="{8628BDBD-21ED-41D5-9D93-436106A9FC0D}"/>
          </ac:spMkLst>
        </pc:spChg>
        <pc:spChg chg="add del mod modVis">
          <ac:chgData name="Manuel Lidauer" userId="b55e45dd-c6cc-461d-bef5-835fc172e678" providerId="ADAL" clId="{BCD0C6F6-2D95-4A66-B702-D3858BC1FC00}" dt="2019-09-26T10:15:33.453" v="63288"/>
          <ac:spMkLst>
            <pc:docMk/>
            <pc:sldMk cId="1279582212" sldId="257"/>
            <ac:spMk id="1951" creationId="{8AA51E96-0611-4577-AED4-1559160693EC}"/>
          </ac:spMkLst>
        </pc:spChg>
        <pc:spChg chg="add del mod modVis">
          <ac:chgData name="Manuel Lidauer" userId="b55e45dd-c6cc-461d-bef5-835fc172e678" providerId="ADAL" clId="{BCD0C6F6-2D95-4A66-B702-D3858BC1FC00}" dt="2019-09-26T10:15:33.453" v="63290"/>
          <ac:spMkLst>
            <pc:docMk/>
            <pc:sldMk cId="1279582212" sldId="257"/>
            <ac:spMk id="1952" creationId="{B64643C5-D31A-4FC4-AE15-8556D35C2A97}"/>
          </ac:spMkLst>
        </pc:spChg>
        <pc:spChg chg="add del mod modVis">
          <ac:chgData name="Manuel Lidauer" userId="b55e45dd-c6cc-461d-bef5-835fc172e678" providerId="ADAL" clId="{BCD0C6F6-2D95-4A66-B702-D3858BC1FC00}" dt="2019-09-26T10:15:33.454" v="63292"/>
          <ac:spMkLst>
            <pc:docMk/>
            <pc:sldMk cId="1279582212" sldId="257"/>
            <ac:spMk id="1953" creationId="{7AB396D3-0E07-4F59-B777-7450C11AA804}"/>
          </ac:spMkLst>
        </pc:spChg>
        <pc:spChg chg="add del mod modVis">
          <ac:chgData name="Manuel Lidauer" userId="b55e45dd-c6cc-461d-bef5-835fc172e678" providerId="ADAL" clId="{BCD0C6F6-2D95-4A66-B702-D3858BC1FC00}" dt="2019-09-26T10:15:33.455" v="63294"/>
          <ac:spMkLst>
            <pc:docMk/>
            <pc:sldMk cId="1279582212" sldId="257"/>
            <ac:spMk id="1954" creationId="{7BC1D011-6445-4E00-A910-16D9AAD70AEC}"/>
          </ac:spMkLst>
        </pc:spChg>
        <pc:spChg chg="add del mod modVis">
          <ac:chgData name="Manuel Lidauer" userId="b55e45dd-c6cc-461d-bef5-835fc172e678" providerId="ADAL" clId="{BCD0C6F6-2D95-4A66-B702-D3858BC1FC00}" dt="2019-09-26T10:15:33.456" v="63296"/>
          <ac:spMkLst>
            <pc:docMk/>
            <pc:sldMk cId="1279582212" sldId="257"/>
            <ac:spMk id="1955" creationId="{DFCDF592-A4BD-46D6-8F22-844C6309A77B}"/>
          </ac:spMkLst>
        </pc:spChg>
        <pc:spChg chg="add del mod modVis">
          <ac:chgData name="Manuel Lidauer" userId="b55e45dd-c6cc-461d-bef5-835fc172e678" providerId="ADAL" clId="{BCD0C6F6-2D95-4A66-B702-D3858BC1FC00}" dt="2019-09-26T10:15:33.457" v="63297"/>
          <ac:spMkLst>
            <pc:docMk/>
            <pc:sldMk cId="1279582212" sldId="257"/>
            <ac:spMk id="1956" creationId="{0D061E99-6C56-4B68-9B85-A20F8FC18A12}"/>
          </ac:spMkLst>
        </pc:spChg>
        <pc:spChg chg="add del mod modVis">
          <ac:chgData name="Manuel Lidauer" userId="b55e45dd-c6cc-461d-bef5-835fc172e678" providerId="ADAL" clId="{BCD0C6F6-2D95-4A66-B702-D3858BC1FC00}" dt="2019-09-26T10:15:33.457" v="63299"/>
          <ac:spMkLst>
            <pc:docMk/>
            <pc:sldMk cId="1279582212" sldId="257"/>
            <ac:spMk id="1957" creationId="{FCA99E7D-5ABD-46A9-AD9A-7ED407ED85FE}"/>
          </ac:spMkLst>
        </pc:spChg>
        <pc:spChg chg="add del mod modVis">
          <ac:chgData name="Manuel Lidauer" userId="b55e45dd-c6cc-461d-bef5-835fc172e678" providerId="ADAL" clId="{BCD0C6F6-2D95-4A66-B702-D3858BC1FC00}" dt="2019-09-26T10:15:33.458" v="63301"/>
          <ac:spMkLst>
            <pc:docMk/>
            <pc:sldMk cId="1279582212" sldId="257"/>
            <ac:spMk id="1958" creationId="{F09C51F7-0808-44C0-B2FB-B49C7122EEC5}"/>
          </ac:spMkLst>
        </pc:spChg>
        <pc:spChg chg="add del mod modVis">
          <ac:chgData name="Manuel Lidauer" userId="b55e45dd-c6cc-461d-bef5-835fc172e678" providerId="ADAL" clId="{BCD0C6F6-2D95-4A66-B702-D3858BC1FC00}" dt="2019-09-26T10:15:33.459" v="63303"/>
          <ac:spMkLst>
            <pc:docMk/>
            <pc:sldMk cId="1279582212" sldId="257"/>
            <ac:spMk id="1959" creationId="{538785FF-04B0-427A-B036-1A5BC5AE11A4}"/>
          </ac:spMkLst>
        </pc:spChg>
        <pc:spChg chg="add del mod modVis">
          <ac:chgData name="Manuel Lidauer" userId="b55e45dd-c6cc-461d-bef5-835fc172e678" providerId="ADAL" clId="{BCD0C6F6-2D95-4A66-B702-D3858BC1FC00}" dt="2019-09-26T10:15:33.459" v="63305"/>
          <ac:spMkLst>
            <pc:docMk/>
            <pc:sldMk cId="1279582212" sldId="257"/>
            <ac:spMk id="1960" creationId="{CC11354F-C242-4F0C-BC58-447C6B2B7B81}"/>
          </ac:spMkLst>
        </pc:spChg>
        <pc:spChg chg="add del mod modVis">
          <ac:chgData name="Manuel Lidauer" userId="b55e45dd-c6cc-461d-bef5-835fc172e678" providerId="ADAL" clId="{BCD0C6F6-2D95-4A66-B702-D3858BC1FC00}" dt="2019-09-26T10:15:33.460" v="63307"/>
          <ac:spMkLst>
            <pc:docMk/>
            <pc:sldMk cId="1279582212" sldId="257"/>
            <ac:spMk id="1961" creationId="{B7DB28F0-6FC8-455B-A064-2CF500B86972}"/>
          </ac:spMkLst>
        </pc:spChg>
        <pc:spChg chg="add del mod modVis">
          <ac:chgData name="Manuel Lidauer" userId="b55e45dd-c6cc-461d-bef5-835fc172e678" providerId="ADAL" clId="{BCD0C6F6-2D95-4A66-B702-D3858BC1FC00}" dt="2019-09-26T10:15:33.461" v="63309"/>
          <ac:spMkLst>
            <pc:docMk/>
            <pc:sldMk cId="1279582212" sldId="257"/>
            <ac:spMk id="1962" creationId="{565DB087-7236-4CFF-8CD2-A9240AEF0AAA}"/>
          </ac:spMkLst>
        </pc:spChg>
        <pc:spChg chg="add del mod modVis">
          <ac:chgData name="Manuel Lidauer" userId="b55e45dd-c6cc-461d-bef5-835fc172e678" providerId="ADAL" clId="{BCD0C6F6-2D95-4A66-B702-D3858BC1FC00}" dt="2019-09-26T10:15:33.461" v="63311"/>
          <ac:spMkLst>
            <pc:docMk/>
            <pc:sldMk cId="1279582212" sldId="257"/>
            <ac:spMk id="1963" creationId="{FD146B08-E0ED-4411-A339-79697DB4D727}"/>
          </ac:spMkLst>
        </pc:spChg>
        <pc:spChg chg="add del mod modVis">
          <ac:chgData name="Manuel Lidauer" userId="b55e45dd-c6cc-461d-bef5-835fc172e678" providerId="ADAL" clId="{BCD0C6F6-2D95-4A66-B702-D3858BC1FC00}" dt="2019-09-26T10:15:33.462" v="63312"/>
          <ac:spMkLst>
            <pc:docMk/>
            <pc:sldMk cId="1279582212" sldId="257"/>
            <ac:spMk id="1964" creationId="{09AB1B93-951F-4D54-898B-7FC13307D005}"/>
          </ac:spMkLst>
        </pc:spChg>
        <pc:spChg chg="add del mod modVis">
          <ac:chgData name="Manuel Lidauer" userId="b55e45dd-c6cc-461d-bef5-835fc172e678" providerId="ADAL" clId="{BCD0C6F6-2D95-4A66-B702-D3858BC1FC00}" dt="2019-09-26T10:15:33.463" v="63314"/>
          <ac:spMkLst>
            <pc:docMk/>
            <pc:sldMk cId="1279582212" sldId="257"/>
            <ac:spMk id="1965" creationId="{776FE00F-7FF8-4F70-8908-6C4A3EB91D62}"/>
          </ac:spMkLst>
        </pc:spChg>
        <pc:spChg chg="add del mod modVis">
          <ac:chgData name="Manuel Lidauer" userId="b55e45dd-c6cc-461d-bef5-835fc172e678" providerId="ADAL" clId="{BCD0C6F6-2D95-4A66-B702-D3858BC1FC00}" dt="2019-09-26T10:15:33.464" v="63316"/>
          <ac:spMkLst>
            <pc:docMk/>
            <pc:sldMk cId="1279582212" sldId="257"/>
            <ac:spMk id="1966" creationId="{704F70F8-3DCA-4E87-89B9-67D4624E4E2F}"/>
          </ac:spMkLst>
        </pc:spChg>
        <pc:spChg chg="add del mod modVis">
          <ac:chgData name="Manuel Lidauer" userId="b55e45dd-c6cc-461d-bef5-835fc172e678" providerId="ADAL" clId="{BCD0C6F6-2D95-4A66-B702-D3858BC1FC00}" dt="2019-09-26T10:15:33.465" v="63318"/>
          <ac:spMkLst>
            <pc:docMk/>
            <pc:sldMk cId="1279582212" sldId="257"/>
            <ac:spMk id="1967" creationId="{664FB99D-6F41-456E-8986-57C8CBE90562}"/>
          </ac:spMkLst>
        </pc:spChg>
        <pc:spChg chg="add del mod modVis">
          <ac:chgData name="Manuel Lidauer" userId="b55e45dd-c6cc-461d-bef5-835fc172e678" providerId="ADAL" clId="{BCD0C6F6-2D95-4A66-B702-D3858BC1FC00}" dt="2019-09-26T10:15:33.466" v="63320"/>
          <ac:spMkLst>
            <pc:docMk/>
            <pc:sldMk cId="1279582212" sldId="257"/>
            <ac:spMk id="1968" creationId="{9AEA3312-CB34-4FD0-85F0-C8BFB376B244}"/>
          </ac:spMkLst>
        </pc:spChg>
        <pc:spChg chg="add del mod modVis">
          <ac:chgData name="Manuel Lidauer" userId="b55e45dd-c6cc-461d-bef5-835fc172e678" providerId="ADAL" clId="{BCD0C6F6-2D95-4A66-B702-D3858BC1FC00}" dt="2019-09-26T10:15:33.466" v="63322"/>
          <ac:spMkLst>
            <pc:docMk/>
            <pc:sldMk cId="1279582212" sldId="257"/>
            <ac:spMk id="1969" creationId="{E8A149A4-78CE-4ED0-B2F6-17BF4803C1F9}"/>
          </ac:spMkLst>
        </pc:spChg>
        <pc:spChg chg="add del mod modVis">
          <ac:chgData name="Manuel Lidauer" userId="b55e45dd-c6cc-461d-bef5-835fc172e678" providerId="ADAL" clId="{BCD0C6F6-2D95-4A66-B702-D3858BC1FC00}" dt="2019-09-26T10:15:33.467" v="63324"/>
          <ac:spMkLst>
            <pc:docMk/>
            <pc:sldMk cId="1279582212" sldId="257"/>
            <ac:spMk id="1970" creationId="{89813B4B-1C53-4B1C-973D-520AE84F3913}"/>
          </ac:spMkLst>
        </pc:spChg>
        <pc:spChg chg="add del mod modVis">
          <ac:chgData name="Manuel Lidauer" userId="b55e45dd-c6cc-461d-bef5-835fc172e678" providerId="ADAL" clId="{BCD0C6F6-2D95-4A66-B702-D3858BC1FC00}" dt="2019-09-26T10:15:33.468" v="63326"/>
          <ac:spMkLst>
            <pc:docMk/>
            <pc:sldMk cId="1279582212" sldId="257"/>
            <ac:spMk id="1971" creationId="{7F8101BB-E0AE-4AD3-9BEC-09CA54E96625}"/>
          </ac:spMkLst>
        </pc:spChg>
        <pc:spChg chg="add del mod modVis">
          <ac:chgData name="Manuel Lidauer" userId="b55e45dd-c6cc-461d-bef5-835fc172e678" providerId="ADAL" clId="{BCD0C6F6-2D95-4A66-B702-D3858BC1FC00}" dt="2019-09-26T10:15:33.468" v="63327"/>
          <ac:spMkLst>
            <pc:docMk/>
            <pc:sldMk cId="1279582212" sldId="257"/>
            <ac:spMk id="1972" creationId="{290AE9FF-A954-42AA-8E59-D4DAD038C3A9}"/>
          </ac:spMkLst>
        </pc:spChg>
        <pc:spChg chg="add del mod modVis">
          <ac:chgData name="Manuel Lidauer" userId="b55e45dd-c6cc-461d-bef5-835fc172e678" providerId="ADAL" clId="{BCD0C6F6-2D95-4A66-B702-D3858BC1FC00}" dt="2019-09-26T10:15:33.469" v="63329"/>
          <ac:spMkLst>
            <pc:docMk/>
            <pc:sldMk cId="1279582212" sldId="257"/>
            <ac:spMk id="1973" creationId="{1565FB0B-7491-4E42-8654-6DE2B6C0D3CF}"/>
          </ac:spMkLst>
        </pc:spChg>
        <pc:spChg chg="add del mod modVis">
          <ac:chgData name="Manuel Lidauer" userId="b55e45dd-c6cc-461d-bef5-835fc172e678" providerId="ADAL" clId="{BCD0C6F6-2D95-4A66-B702-D3858BC1FC00}" dt="2019-09-26T10:15:33.469" v="63331"/>
          <ac:spMkLst>
            <pc:docMk/>
            <pc:sldMk cId="1279582212" sldId="257"/>
            <ac:spMk id="1974" creationId="{CD517A5F-F339-4A59-B659-90756614B4B8}"/>
          </ac:spMkLst>
        </pc:spChg>
        <pc:spChg chg="add del mod modVis">
          <ac:chgData name="Manuel Lidauer" userId="b55e45dd-c6cc-461d-bef5-835fc172e678" providerId="ADAL" clId="{BCD0C6F6-2D95-4A66-B702-D3858BC1FC00}" dt="2019-09-26T10:15:33.470" v="63333"/>
          <ac:spMkLst>
            <pc:docMk/>
            <pc:sldMk cId="1279582212" sldId="257"/>
            <ac:spMk id="1975" creationId="{82B4418A-8332-49F8-90FC-86A8B17C89CA}"/>
          </ac:spMkLst>
        </pc:spChg>
        <pc:spChg chg="add del mod modVis">
          <ac:chgData name="Manuel Lidauer" userId="b55e45dd-c6cc-461d-bef5-835fc172e678" providerId="ADAL" clId="{BCD0C6F6-2D95-4A66-B702-D3858BC1FC00}" dt="2019-09-26T10:15:33.471" v="63335"/>
          <ac:spMkLst>
            <pc:docMk/>
            <pc:sldMk cId="1279582212" sldId="257"/>
            <ac:spMk id="1976" creationId="{4B237CFE-67C7-4A04-AA2B-CF7B56FF50D9}"/>
          </ac:spMkLst>
        </pc:spChg>
        <pc:spChg chg="add del mod modVis">
          <ac:chgData name="Manuel Lidauer" userId="b55e45dd-c6cc-461d-bef5-835fc172e678" providerId="ADAL" clId="{BCD0C6F6-2D95-4A66-B702-D3858BC1FC00}" dt="2019-09-26T10:15:33.471" v="63337"/>
          <ac:spMkLst>
            <pc:docMk/>
            <pc:sldMk cId="1279582212" sldId="257"/>
            <ac:spMk id="1977" creationId="{3F462F85-6F19-499D-A703-A8140A4C58D9}"/>
          </ac:spMkLst>
        </pc:spChg>
        <pc:spChg chg="add del mod modVis">
          <ac:chgData name="Manuel Lidauer" userId="b55e45dd-c6cc-461d-bef5-835fc172e678" providerId="ADAL" clId="{BCD0C6F6-2D95-4A66-B702-D3858BC1FC00}" dt="2019-09-26T10:15:33.473" v="63339"/>
          <ac:spMkLst>
            <pc:docMk/>
            <pc:sldMk cId="1279582212" sldId="257"/>
            <ac:spMk id="1978" creationId="{A0E42A09-6BF2-485D-9EE1-46F56B351198}"/>
          </ac:spMkLst>
        </pc:spChg>
        <pc:spChg chg="add del mod modVis">
          <ac:chgData name="Manuel Lidauer" userId="b55e45dd-c6cc-461d-bef5-835fc172e678" providerId="ADAL" clId="{BCD0C6F6-2D95-4A66-B702-D3858BC1FC00}" dt="2019-09-26T10:15:33.473" v="63341"/>
          <ac:spMkLst>
            <pc:docMk/>
            <pc:sldMk cId="1279582212" sldId="257"/>
            <ac:spMk id="1979" creationId="{AF403340-FFD6-41C9-ABFE-EC700DD8C912}"/>
          </ac:spMkLst>
        </pc:spChg>
        <pc:spChg chg="add del mod modVis">
          <ac:chgData name="Manuel Lidauer" userId="b55e45dd-c6cc-461d-bef5-835fc172e678" providerId="ADAL" clId="{BCD0C6F6-2D95-4A66-B702-D3858BC1FC00}" dt="2019-09-26T10:15:33.474" v="63342"/>
          <ac:spMkLst>
            <pc:docMk/>
            <pc:sldMk cId="1279582212" sldId="257"/>
            <ac:spMk id="1980" creationId="{E084227F-0989-460E-AA9D-A6A70234F719}"/>
          </ac:spMkLst>
        </pc:spChg>
        <pc:spChg chg="add del mod modVis">
          <ac:chgData name="Manuel Lidauer" userId="b55e45dd-c6cc-461d-bef5-835fc172e678" providerId="ADAL" clId="{BCD0C6F6-2D95-4A66-B702-D3858BC1FC00}" dt="2019-09-26T10:15:33.474" v="63344"/>
          <ac:spMkLst>
            <pc:docMk/>
            <pc:sldMk cId="1279582212" sldId="257"/>
            <ac:spMk id="1981" creationId="{81B4154A-01A3-4542-8D7E-1CDAF770EEAE}"/>
          </ac:spMkLst>
        </pc:spChg>
        <pc:spChg chg="add del mod modVis">
          <ac:chgData name="Manuel Lidauer" userId="b55e45dd-c6cc-461d-bef5-835fc172e678" providerId="ADAL" clId="{BCD0C6F6-2D95-4A66-B702-D3858BC1FC00}" dt="2019-09-26T10:15:33.475" v="63346"/>
          <ac:spMkLst>
            <pc:docMk/>
            <pc:sldMk cId="1279582212" sldId="257"/>
            <ac:spMk id="1982" creationId="{ABD5FC0A-BA91-4D3C-AAE1-B5740ED13580}"/>
          </ac:spMkLst>
        </pc:spChg>
        <pc:spChg chg="add del mod modVis">
          <ac:chgData name="Manuel Lidauer" userId="b55e45dd-c6cc-461d-bef5-835fc172e678" providerId="ADAL" clId="{BCD0C6F6-2D95-4A66-B702-D3858BC1FC00}" dt="2019-09-26T10:15:33.476" v="63348"/>
          <ac:spMkLst>
            <pc:docMk/>
            <pc:sldMk cId="1279582212" sldId="257"/>
            <ac:spMk id="1983" creationId="{1D1902FF-800A-400B-816D-A108C1429BEB}"/>
          </ac:spMkLst>
        </pc:spChg>
        <pc:spChg chg="add del mod modVis">
          <ac:chgData name="Manuel Lidauer" userId="b55e45dd-c6cc-461d-bef5-835fc172e678" providerId="ADAL" clId="{BCD0C6F6-2D95-4A66-B702-D3858BC1FC00}" dt="2019-09-26T10:15:33.476" v="63350"/>
          <ac:spMkLst>
            <pc:docMk/>
            <pc:sldMk cId="1279582212" sldId="257"/>
            <ac:spMk id="1984" creationId="{BAE32884-7777-48B3-9F04-3E5C3E1755E8}"/>
          </ac:spMkLst>
        </pc:spChg>
        <pc:spChg chg="add del mod modVis">
          <ac:chgData name="Manuel Lidauer" userId="b55e45dd-c6cc-461d-bef5-835fc172e678" providerId="ADAL" clId="{BCD0C6F6-2D95-4A66-B702-D3858BC1FC00}" dt="2019-09-26T10:15:33.477" v="63352"/>
          <ac:spMkLst>
            <pc:docMk/>
            <pc:sldMk cId="1279582212" sldId="257"/>
            <ac:spMk id="1985" creationId="{B46478BD-E080-4E8A-BAEA-5AFAE326BD21}"/>
          </ac:spMkLst>
        </pc:spChg>
        <pc:spChg chg="add del mod modVis">
          <ac:chgData name="Manuel Lidauer" userId="b55e45dd-c6cc-461d-bef5-835fc172e678" providerId="ADAL" clId="{BCD0C6F6-2D95-4A66-B702-D3858BC1FC00}" dt="2019-09-26T10:15:33.478" v="63354"/>
          <ac:spMkLst>
            <pc:docMk/>
            <pc:sldMk cId="1279582212" sldId="257"/>
            <ac:spMk id="1986" creationId="{2031EFA9-AA7F-49B5-AE76-6648EA248B87}"/>
          </ac:spMkLst>
        </pc:spChg>
        <pc:spChg chg="add del mod modVis">
          <ac:chgData name="Manuel Lidauer" userId="b55e45dd-c6cc-461d-bef5-835fc172e678" providerId="ADAL" clId="{BCD0C6F6-2D95-4A66-B702-D3858BC1FC00}" dt="2019-09-26T10:15:33.479" v="63356"/>
          <ac:spMkLst>
            <pc:docMk/>
            <pc:sldMk cId="1279582212" sldId="257"/>
            <ac:spMk id="1987" creationId="{4562D46B-6302-48FA-9CCB-94A0DE8854D1}"/>
          </ac:spMkLst>
        </pc:spChg>
        <pc:spChg chg="add del mod modVis">
          <ac:chgData name="Manuel Lidauer" userId="b55e45dd-c6cc-461d-bef5-835fc172e678" providerId="ADAL" clId="{BCD0C6F6-2D95-4A66-B702-D3858BC1FC00}" dt="2019-09-26T10:15:33.479" v="63357"/>
          <ac:spMkLst>
            <pc:docMk/>
            <pc:sldMk cId="1279582212" sldId="257"/>
            <ac:spMk id="1988" creationId="{4107D84F-E5D2-4DF4-B53A-E98F7FA9490D}"/>
          </ac:spMkLst>
        </pc:spChg>
        <pc:spChg chg="add del mod modVis">
          <ac:chgData name="Manuel Lidauer" userId="b55e45dd-c6cc-461d-bef5-835fc172e678" providerId="ADAL" clId="{BCD0C6F6-2D95-4A66-B702-D3858BC1FC00}" dt="2019-09-26T10:15:33.480" v="63359"/>
          <ac:spMkLst>
            <pc:docMk/>
            <pc:sldMk cId="1279582212" sldId="257"/>
            <ac:spMk id="1989" creationId="{B68E5B46-51CB-43D1-9738-FF7B34F5190D}"/>
          </ac:spMkLst>
        </pc:spChg>
        <pc:spChg chg="add del mod modVis">
          <ac:chgData name="Manuel Lidauer" userId="b55e45dd-c6cc-461d-bef5-835fc172e678" providerId="ADAL" clId="{BCD0C6F6-2D95-4A66-B702-D3858BC1FC00}" dt="2019-09-26T10:15:33.480" v="63361"/>
          <ac:spMkLst>
            <pc:docMk/>
            <pc:sldMk cId="1279582212" sldId="257"/>
            <ac:spMk id="1990" creationId="{16817712-8232-464D-A667-7C9E33CF4EA4}"/>
          </ac:spMkLst>
        </pc:spChg>
        <pc:spChg chg="add del mod modVis">
          <ac:chgData name="Manuel Lidauer" userId="b55e45dd-c6cc-461d-bef5-835fc172e678" providerId="ADAL" clId="{BCD0C6F6-2D95-4A66-B702-D3858BC1FC00}" dt="2019-09-26T10:15:33.481" v="63363"/>
          <ac:spMkLst>
            <pc:docMk/>
            <pc:sldMk cId="1279582212" sldId="257"/>
            <ac:spMk id="1991" creationId="{5015C46D-944C-4297-98B6-52D8166567BE}"/>
          </ac:spMkLst>
        </pc:spChg>
        <pc:spChg chg="add del mod modVis">
          <ac:chgData name="Manuel Lidauer" userId="b55e45dd-c6cc-461d-bef5-835fc172e678" providerId="ADAL" clId="{BCD0C6F6-2D95-4A66-B702-D3858BC1FC00}" dt="2019-09-26T10:15:33.482" v="63365"/>
          <ac:spMkLst>
            <pc:docMk/>
            <pc:sldMk cId="1279582212" sldId="257"/>
            <ac:spMk id="1992" creationId="{BF1A5102-C36D-4885-9933-5850C123596A}"/>
          </ac:spMkLst>
        </pc:spChg>
        <pc:spChg chg="add del mod modVis">
          <ac:chgData name="Manuel Lidauer" userId="b55e45dd-c6cc-461d-bef5-835fc172e678" providerId="ADAL" clId="{BCD0C6F6-2D95-4A66-B702-D3858BC1FC00}" dt="2019-09-26T10:15:33.483" v="63367"/>
          <ac:spMkLst>
            <pc:docMk/>
            <pc:sldMk cId="1279582212" sldId="257"/>
            <ac:spMk id="1993" creationId="{110CAD7F-3D88-4D7F-AF20-7F411A41A076}"/>
          </ac:spMkLst>
        </pc:spChg>
        <pc:spChg chg="add del mod modVis">
          <ac:chgData name="Manuel Lidauer" userId="b55e45dd-c6cc-461d-bef5-835fc172e678" providerId="ADAL" clId="{BCD0C6F6-2D95-4A66-B702-D3858BC1FC00}" dt="2019-09-26T10:15:33.484" v="63369"/>
          <ac:spMkLst>
            <pc:docMk/>
            <pc:sldMk cId="1279582212" sldId="257"/>
            <ac:spMk id="1994" creationId="{42A0218E-5B05-4F5C-94A9-CCFB0BBAAED3}"/>
          </ac:spMkLst>
        </pc:spChg>
        <pc:spChg chg="add del mod modVis">
          <ac:chgData name="Manuel Lidauer" userId="b55e45dd-c6cc-461d-bef5-835fc172e678" providerId="ADAL" clId="{BCD0C6F6-2D95-4A66-B702-D3858BC1FC00}" dt="2019-09-26T10:15:33.485" v="63371"/>
          <ac:spMkLst>
            <pc:docMk/>
            <pc:sldMk cId="1279582212" sldId="257"/>
            <ac:spMk id="1995" creationId="{61519E3F-7F6F-4BE7-95BC-EFBD030C6E0D}"/>
          </ac:spMkLst>
        </pc:spChg>
        <pc:spChg chg="add del mod modVis">
          <ac:chgData name="Manuel Lidauer" userId="b55e45dd-c6cc-461d-bef5-835fc172e678" providerId="ADAL" clId="{BCD0C6F6-2D95-4A66-B702-D3858BC1FC00}" dt="2019-09-26T10:15:33.486" v="63372"/>
          <ac:spMkLst>
            <pc:docMk/>
            <pc:sldMk cId="1279582212" sldId="257"/>
            <ac:spMk id="1996" creationId="{4729C993-8940-493A-9965-6D88004F9CC8}"/>
          </ac:spMkLst>
        </pc:spChg>
        <pc:spChg chg="add del mod modVis">
          <ac:chgData name="Manuel Lidauer" userId="b55e45dd-c6cc-461d-bef5-835fc172e678" providerId="ADAL" clId="{BCD0C6F6-2D95-4A66-B702-D3858BC1FC00}" dt="2019-09-26T10:15:33.487" v="63374"/>
          <ac:spMkLst>
            <pc:docMk/>
            <pc:sldMk cId="1279582212" sldId="257"/>
            <ac:spMk id="1997" creationId="{309FD640-25B3-414D-B80C-91EBD8483ABD}"/>
          </ac:spMkLst>
        </pc:spChg>
        <pc:spChg chg="add del mod modVis">
          <ac:chgData name="Manuel Lidauer" userId="b55e45dd-c6cc-461d-bef5-835fc172e678" providerId="ADAL" clId="{BCD0C6F6-2D95-4A66-B702-D3858BC1FC00}" dt="2019-09-26T10:15:33.488" v="63376"/>
          <ac:spMkLst>
            <pc:docMk/>
            <pc:sldMk cId="1279582212" sldId="257"/>
            <ac:spMk id="1998" creationId="{DF68F8F9-7192-455A-A458-6AA2383B9CB5}"/>
          </ac:spMkLst>
        </pc:spChg>
        <pc:spChg chg="add del mod modVis">
          <ac:chgData name="Manuel Lidauer" userId="b55e45dd-c6cc-461d-bef5-835fc172e678" providerId="ADAL" clId="{BCD0C6F6-2D95-4A66-B702-D3858BC1FC00}" dt="2019-09-26T10:15:33.489" v="63378"/>
          <ac:spMkLst>
            <pc:docMk/>
            <pc:sldMk cId="1279582212" sldId="257"/>
            <ac:spMk id="1999" creationId="{8A521355-DEB6-4407-8995-BBBFD9EA5ECB}"/>
          </ac:spMkLst>
        </pc:spChg>
        <pc:spChg chg="add del mod modVis">
          <ac:chgData name="Manuel Lidauer" userId="b55e45dd-c6cc-461d-bef5-835fc172e678" providerId="ADAL" clId="{BCD0C6F6-2D95-4A66-B702-D3858BC1FC00}" dt="2019-09-26T10:15:33.490" v="63380"/>
          <ac:spMkLst>
            <pc:docMk/>
            <pc:sldMk cId="1279582212" sldId="257"/>
            <ac:spMk id="2000" creationId="{18DF56E4-A5E0-434C-A954-51D5D3AF61DD}"/>
          </ac:spMkLst>
        </pc:spChg>
        <pc:spChg chg="add del mod modVis">
          <ac:chgData name="Manuel Lidauer" userId="b55e45dd-c6cc-461d-bef5-835fc172e678" providerId="ADAL" clId="{BCD0C6F6-2D95-4A66-B702-D3858BC1FC00}" dt="2019-09-26T10:15:33.491" v="63382"/>
          <ac:spMkLst>
            <pc:docMk/>
            <pc:sldMk cId="1279582212" sldId="257"/>
            <ac:spMk id="2001" creationId="{13C09865-1D98-47A0-81C2-82955F4F34C5}"/>
          </ac:spMkLst>
        </pc:spChg>
        <pc:spChg chg="add del mod modVis">
          <ac:chgData name="Manuel Lidauer" userId="b55e45dd-c6cc-461d-bef5-835fc172e678" providerId="ADAL" clId="{BCD0C6F6-2D95-4A66-B702-D3858BC1FC00}" dt="2019-09-26T10:15:33.493" v="63384"/>
          <ac:spMkLst>
            <pc:docMk/>
            <pc:sldMk cId="1279582212" sldId="257"/>
            <ac:spMk id="2002" creationId="{C5D2A020-2305-4457-A1DE-97DDE643583B}"/>
          </ac:spMkLst>
        </pc:spChg>
        <pc:spChg chg="add del mod modVis">
          <ac:chgData name="Manuel Lidauer" userId="b55e45dd-c6cc-461d-bef5-835fc172e678" providerId="ADAL" clId="{BCD0C6F6-2D95-4A66-B702-D3858BC1FC00}" dt="2019-09-26T10:15:33.494" v="63386"/>
          <ac:spMkLst>
            <pc:docMk/>
            <pc:sldMk cId="1279582212" sldId="257"/>
            <ac:spMk id="2003" creationId="{E41FBF53-01FC-4ACF-880C-B9E5F0792609}"/>
          </ac:spMkLst>
        </pc:spChg>
        <pc:spChg chg="add del mod modVis">
          <ac:chgData name="Manuel Lidauer" userId="b55e45dd-c6cc-461d-bef5-835fc172e678" providerId="ADAL" clId="{BCD0C6F6-2D95-4A66-B702-D3858BC1FC00}" dt="2019-09-26T10:15:33.495" v="63387"/>
          <ac:spMkLst>
            <pc:docMk/>
            <pc:sldMk cId="1279582212" sldId="257"/>
            <ac:spMk id="2004" creationId="{9D2B7A2E-1538-46C2-A1A1-1B1B4D478391}"/>
          </ac:spMkLst>
        </pc:spChg>
        <pc:spChg chg="add del mod modVis">
          <ac:chgData name="Manuel Lidauer" userId="b55e45dd-c6cc-461d-bef5-835fc172e678" providerId="ADAL" clId="{BCD0C6F6-2D95-4A66-B702-D3858BC1FC00}" dt="2019-09-26T10:15:33.496" v="63389"/>
          <ac:spMkLst>
            <pc:docMk/>
            <pc:sldMk cId="1279582212" sldId="257"/>
            <ac:spMk id="2005" creationId="{FE0FE1B0-9662-4226-A2EB-3404785F4FDC}"/>
          </ac:spMkLst>
        </pc:spChg>
        <pc:spChg chg="add del mod modVis">
          <ac:chgData name="Manuel Lidauer" userId="b55e45dd-c6cc-461d-bef5-835fc172e678" providerId="ADAL" clId="{BCD0C6F6-2D95-4A66-B702-D3858BC1FC00}" dt="2019-09-26T10:15:33.497" v="63391"/>
          <ac:spMkLst>
            <pc:docMk/>
            <pc:sldMk cId="1279582212" sldId="257"/>
            <ac:spMk id="2006" creationId="{A59AEE6E-3130-4D25-A4EC-74659B1623EA}"/>
          </ac:spMkLst>
        </pc:spChg>
        <pc:spChg chg="add del mod modVis">
          <ac:chgData name="Manuel Lidauer" userId="b55e45dd-c6cc-461d-bef5-835fc172e678" providerId="ADAL" clId="{BCD0C6F6-2D95-4A66-B702-D3858BC1FC00}" dt="2019-09-26T10:15:33.499" v="63393"/>
          <ac:spMkLst>
            <pc:docMk/>
            <pc:sldMk cId="1279582212" sldId="257"/>
            <ac:spMk id="2007" creationId="{7865D00C-BC31-4A6D-AA59-E81268873910}"/>
          </ac:spMkLst>
        </pc:spChg>
        <pc:spChg chg="add del mod modVis">
          <ac:chgData name="Manuel Lidauer" userId="b55e45dd-c6cc-461d-bef5-835fc172e678" providerId="ADAL" clId="{BCD0C6F6-2D95-4A66-B702-D3858BC1FC00}" dt="2019-09-26T10:15:33.500" v="63395"/>
          <ac:spMkLst>
            <pc:docMk/>
            <pc:sldMk cId="1279582212" sldId="257"/>
            <ac:spMk id="2008" creationId="{51BF1CAF-4712-42DB-BF89-AAB0733C7AD4}"/>
          </ac:spMkLst>
        </pc:spChg>
        <pc:spChg chg="add del mod modVis">
          <ac:chgData name="Manuel Lidauer" userId="b55e45dd-c6cc-461d-bef5-835fc172e678" providerId="ADAL" clId="{BCD0C6F6-2D95-4A66-B702-D3858BC1FC00}" dt="2019-09-26T10:15:33.501" v="63397"/>
          <ac:spMkLst>
            <pc:docMk/>
            <pc:sldMk cId="1279582212" sldId="257"/>
            <ac:spMk id="2009" creationId="{4B2B56C2-FAF7-40F3-BE50-356BB80C8116}"/>
          </ac:spMkLst>
        </pc:spChg>
        <pc:spChg chg="add del mod modVis">
          <ac:chgData name="Manuel Lidauer" userId="b55e45dd-c6cc-461d-bef5-835fc172e678" providerId="ADAL" clId="{BCD0C6F6-2D95-4A66-B702-D3858BC1FC00}" dt="2019-09-26T10:15:33.501" v="63399"/>
          <ac:spMkLst>
            <pc:docMk/>
            <pc:sldMk cId="1279582212" sldId="257"/>
            <ac:spMk id="2010" creationId="{1AE803CB-DB40-42A8-990C-7D4E2011D214}"/>
          </ac:spMkLst>
        </pc:spChg>
        <pc:spChg chg="add del mod modVis">
          <ac:chgData name="Manuel Lidauer" userId="b55e45dd-c6cc-461d-bef5-835fc172e678" providerId="ADAL" clId="{BCD0C6F6-2D95-4A66-B702-D3858BC1FC00}" dt="2019-09-26T10:15:33.502" v="63401"/>
          <ac:spMkLst>
            <pc:docMk/>
            <pc:sldMk cId="1279582212" sldId="257"/>
            <ac:spMk id="2011" creationId="{93EC1BCC-1B85-4ADD-98EA-F0B444B45E51}"/>
          </ac:spMkLst>
        </pc:spChg>
        <pc:spChg chg="add del mod modVis">
          <ac:chgData name="Manuel Lidauer" userId="b55e45dd-c6cc-461d-bef5-835fc172e678" providerId="ADAL" clId="{BCD0C6F6-2D95-4A66-B702-D3858BC1FC00}" dt="2019-09-26T10:15:33.503" v="63402"/>
          <ac:spMkLst>
            <pc:docMk/>
            <pc:sldMk cId="1279582212" sldId="257"/>
            <ac:spMk id="2012" creationId="{BF94ABD7-F337-4909-8364-81E1EA72618D}"/>
          </ac:spMkLst>
        </pc:spChg>
        <pc:spChg chg="add del mod modVis">
          <ac:chgData name="Manuel Lidauer" userId="b55e45dd-c6cc-461d-bef5-835fc172e678" providerId="ADAL" clId="{BCD0C6F6-2D95-4A66-B702-D3858BC1FC00}" dt="2019-09-26T10:15:33.504" v="63404"/>
          <ac:spMkLst>
            <pc:docMk/>
            <pc:sldMk cId="1279582212" sldId="257"/>
            <ac:spMk id="2013" creationId="{14C4417A-A44C-4DF6-BA0C-E6E4E090A7BA}"/>
          </ac:spMkLst>
        </pc:spChg>
        <pc:spChg chg="add del mod modVis">
          <ac:chgData name="Manuel Lidauer" userId="b55e45dd-c6cc-461d-bef5-835fc172e678" providerId="ADAL" clId="{BCD0C6F6-2D95-4A66-B702-D3858BC1FC00}" dt="2019-09-26T10:15:33.505" v="63406"/>
          <ac:spMkLst>
            <pc:docMk/>
            <pc:sldMk cId="1279582212" sldId="257"/>
            <ac:spMk id="2014" creationId="{0308FA70-8B05-4772-B7CE-56875BEF16E1}"/>
          </ac:spMkLst>
        </pc:spChg>
        <pc:spChg chg="add del mod modVis">
          <ac:chgData name="Manuel Lidauer" userId="b55e45dd-c6cc-461d-bef5-835fc172e678" providerId="ADAL" clId="{BCD0C6F6-2D95-4A66-B702-D3858BC1FC00}" dt="2019-09-26T10:15:33.506" v="63408"/>
          <ac:spMkLst>
            <pc:docMk/>
            <pc:sldMk cId="1279582212" sldId="257"/>
            <ac:spMk id="2015" creationId="{4E4A4279-9E42-4BD6-A3B3-3B0E94C8AB78}"/>
          </ac:spMkLst>
        </pc:spChg>
        <pc:spChg chg="add del mod modVis">
          <ac:chgData name="Manuel Lidauer" userId="b55e45dd-c6cc-461d-bef5-835fc172e678" providerId="ADAL" clId="{BCD0C6F6-2D95-4A66-B702-D3858BC1FC00}" dt="2019-09-26T10:15:33.507" v="63410"/>
          <ac:spMkLst>
            <pc:docMk/>
            <pc:sldMk cId="1279582212" sldId="257"/>
            <ac:spMk id="2016" creationId="{44947030-D2B0-4F79-A2F6-515683C6884A}"/>
          </ac:spMkLst>
        </pc:spChg>
        <pc:spChg chg="add del mod modVis">
          <ac:chgData name="Manuel Lidauer" userId="b55e45dd-c6cc-461d-bef5-835fc172e678" providerId="ADAL" clId="{BCD0C6F6-2D95-4A66-B702-D3858BC1FC00}" dt="2019-09-26T10:15:33.508" v="63412"/>
          <ac:spMkLst>
            <pc:docMk/>
            <pc:sldMk cId="1279582212" sldId="257"/>
            <ac:spMk id="2017" creationId="{855CACF2-CD51-419F-B855-002997957EF8}"/>
          </ac:spMkLst>
        </pc:spChg>
        <pc:spChg chg="add del mod modVis">
          <ac:chgData name="Manuel Lidauer" userId="b55e45dd-c6cc-461d-bef5-835fc172e678" providerId="ADAL" clId="{BCD0C6F6-2D95-4A66-B702-D3858BC1FC00}" dt="2019-09-26T10:15:33.509" v="63414"/>
          <ac:spMkLst>
            <pc:docMk/>
            <pc:sldMk cId="1279582212" sldId="257"/>
            <ac:spMk id="2018" creationId="{78A94D52-01BF-4E6D-9F98-E9196B602A2C}"/>
          </ac:spMkLst>
        </pc:spChg>
        <pc:spChg chg="add del mod modVis">
          <ac:chgData name="Manuel Lidauer" userId="b55e45dd-c6cc-461d-bef5-835fc172e678" providerId="ADAL" clId="{BCD0C6F6-2D95-4A66-B702-D3858BC1FC00}" dt="2019-09-26T10:15:33.510" v="63416"/>
          <ac:spMkLst>
            <pc:docMk/>
            <pc:sldMk cId="1279582212" sldId="257"/>
            <ac:spMk id="2019" creationId="{E3313B05-F8C1-4E25-97A7-DA8F78267289}"/>
          </ac:spMkLst>
        </pc:spChg>
        <pc:spChg chg="add del mod modVis">
          <ac:chgData name="Manuel Lidauer" userId="b55e45dd-c6cc-461d-bef5-835fc172e678" providerId="ADAL" clId="{BCD0C6F6-2D95-4A66-B702-D3858BC1FC00}" dt="2019-09-26T10:15:33.511" v="63417"/>
          <ac:spMkLst>
            <pc:docMk/>
            <pc:sldMk cId="1279582212" sldId="257"/>
            <ac:spMk id="2020" creationId="{008865C4-C0E1-4D81-8853-7D0319784E37}"/>
          </ac:spMkLst>
        </pc:spChg>
        <pc:spChg chg="add del mod modVis">
          <ac:chgData name="Manuel Lidauer" userId="b55e45dd-c6cc-461d-bef5-835fc172e678" providerId="ADAL" clId="{BCD0C6F6-2D95-4A66-B702-D3858BC1FC00}" dt="2019-09-26T10:15:33.512" v="63419"/>
          <ac:spMkLst>
            <pc:docMk/>
            <pc:sldMk cId="1279582212" sldId="257"/>
            <ac:spMk id="2021" creationId="{27977CFC-D630-4DA6-886E-1ACE865F2869}"/>
          </ac:spMkLst>
        </pc:spChg>
        <pc:spChg chg="add del mod modVis">
          <ac:chgData name="Manuel Lidauer" userId="b55e45dd-c6cc-461d-bef5-835fc172e678" providerId="ADAL" clId="{BCD0C6F6-2D95-4A66-B702-D3858BC1FC00}" dt="2019-09-26T10:15:33.513" v="63421"/>
          <ac:spMkLst>
            <pc:docMk/>
            <pc:sldMk cId="1279582212" sldId="257"/>
            <ac:spMk id="2022" creationId="{CB2A0C1F-6D00-48DA-B56C-4EB99AEEE384}"/>
          </ac:spMkLst>
        </pc:spChg>
        <pc:spChg chg="add del mod modVis">
          <ac:chgData name="Manuel Lidauer" userId="b55e45dd-c6cc-461d-bef5-835fc172e678" providerId="ADAL" clId="{BCD0C6F6-2D95-4A66-B702-D3858BC1FC00}" dt="2019-09-26T10:15:33.514" v="63423"/>
          <ac:spMkLst>
            <pc:docMk/>
            <pc:sldMk cId="1279582212" sldId="257"/>
            <ac:spMk id="2023" creationId="{48D0B01A-BD1F-42E6-B531-9BAED99AB366}"/>
          </ac:spMkLst>
        </pc:spChg>
        <pc:spChg chg="add del mod modVis">
          <ac:chgData name="Manuel Lidauer" userId="b55e45dd-c6cc-461d-bef5-835fc172e678" providerId="ADAL" clId="{BCD0C6F6-2D95-4A66-B702-D3858BC1FC00}" dt="2019-09-26T10:15:33.515" v="63425"/>
          <ac:spMkLst>
            <pc:docMk/>
            <pc:sldMk cId="1279582212" sldId="257"/>
            <ac:spMk id="2024" creationId="{BE11EC92-79D3-44AD-A128-4D445A2C0DDA}"/>
          </ac:spMkLst>
        </pc:spChg>
        <pc:spChg chg="add del mod modVis">
          <ac:chgData name="Manuel Lidauer" userId="b55e45dd-c6cc-461d-bef5-835fc172e678" providerId="ADAL" clId="{BCD0C6F6-2D95-4A66-B702-D3858BC1FC00}" dt="2019-09-26T10:15:33.516" v="63427"/>
          <ac:spMkLst>
            <pc:docMk/>
            <pc:sldMk cId="1279582212" sldId="257"/>
            <ac:spMk id="2025" creationId="{C82A9D50-4F4D-43DE-8E55-003E76332792}"/>
          </ac:spMkLst>
        </pc:spChg>
        <pc:spChg chg="add del mod modVis">
          <ac:chgData name="Manuel Lidauer" userId="b55e45dd-c6cc-461d-bef5-835fc172e678" providerId="ADAL" clId="{BCD0C6F6-2D95-4A66-B702-D3858BC1FC00}" dt="2019-09-26T10:15:33.517" v="63429"/>
          <ac:spMkLst>
            <pc:docMk/>
            <pc:sldMk cId="1279582212" sldId="257"/>
            <ac:spMk id="2026" creationId="{9034A55D-E95A-4B1A-A6ED-1A8D6069920E}"/>
          </ac:spMkLst>
        </pc:spChg>
        <pc:spChg chg="add del mod modVis">
          <ac:chgData name="Manuel Lidauer" userId="b55e45dd-c6cc-461d-bef5-835fc172e678" providerId="ADAL" clId="{BCD0C6F6-2D95-4A66-B702-D3858BC1FC00}" dt="2019-09-26T10:15:33.518" v="63431"/>
          <ac:spMkLst>
            <pc:docMk/>
            <pc:sldMk cId="1279582212" sldId="257"/>
            <ac:spMk id="2027" creationId="{7EC01F4B-F26A-4D69-A86E-42291BB813E8}"/>
          </ac:spMkLst>
        </pc:spChg>
        <pc:spChg chg="add del mod modVis">
          <ac:chgData name="Manuel Lidauer" userId="b55e45dd-c6cc-461d-bef5-835fc172e678" providerId="ADAL" clId="{BCD0C6F6-2D95-4A66-B702-D3858BC1FC00}" dt="2019-09-26T10:15:33.519" v="63432"/>
          <ac:spMkLst>
            <pc:docMk/>
            <pc:sldMk cId="1279582212" sldId="257"/>
            <ac:spMk id="2028" creationId="{AA0E6B1E-5483-4C8C-85F6-FF7003B42432}"/>
          </ac:spMkLst>
        </pc:spChg>
        <pc:spChg chg="add del mod modVis">
          <ac:chgData name="Manuel Lidauer" userId="b55e45dd-c6cc-461d-bef5-835fc172e678" providerId="ADAL" clId="{BCD0C6F6-2D95-4A66-B702-D3858BC1FC00}" dt="2019-09-26T10:15:33.520" v="63434"/>
          <ac:spMkLst>
            <pc:docMk/>
            <pc:sldMk cId="1279582212" sldId="257"/>
            <ac:spMk id="2029" creationId="{16850882-9A1A-4B8F-98C9-F0F504AD0F1B}"/>
          </ac:spMkLst>
        </pc:spChg>
        <pc:spChg chg="add del mod modVis">
          <ac:chgData name="Manuel Lidauer" userId="b55e45dd-c6cc-461d-bef5-835fc172e678" providerId="ADAL" clId="{BCD0C6F6-2D95-4A66-B702-D3858BC1FC00}" dt="2019-09-26T10:15:33.520" v="63436"/>
          <ac:spMkLst>
            <pc:docMk/>
            <pc:sldMk cId="1279582212" sldId="257"/>
            <ac:spMk id="2030" creationId="{396B0340-C033-4DA6-BD7D-4CA829C4E156}"/>
          </ac:spMkLst>
        </pc:spChg>
        <pc:spChg chg="add del mod modVis">
          <ac:chgData name="Manuel Lidauer" userId="b55e45dd-c6cc-461d-bef5-835fc172e678" providerId="ADAL" clId="{BCD0C6F6-2D95-4A66-B702-D3858BC1FC00}" dt="2019-09-26T10:15:33.521" v="63438"/>
          <ac:spMkLst>
            <pc:docMk/>
            <pc:sldMk cId="1279582212" sldId="257"/>
            <ac:spMk id="2031" creationId="{4A4638E9-5F2D-4B11-9E1F-B058F4DDD7E8}"/>
          </ac:spMkLst>
        </pc:spChg>
        <pc:spChg chg="add del mod modVis">
          <ac:chgData name="Manuel Lidauer" userId="b55e45dd-c6cc-461d-bef5-835fc172e678" providerId="ADAL" clId="{BCD0C6F6-2D95-4A66-B702-D3858BC1FC00}" dt="2019-09-26T10:15:33.522" v="63440"/>
          <ac:spMkLst>
            <pc:docMk/>
            <pc:sldMk cId="1279582212" sldId="257"/>
            <ac:spMk id="2032" creationId="{190555F9-8621-4EA4-B5DD-325295122FAF}"/>
          </ac:spMkLst>
        </pc:spChg>
        <pc:spChg chg="add del mod modVis">
          <ac:chgData name="Manuel Lidauer" userId="b55e45dd-c6cc-461d-bef5-835fc172e678" providerId="ADAL" clId="{BCD0C6F6-2D95-4A66-B702-D3858BC1FC00}" dt="2019-09-26T10:15:33.523" v="63442"/>
          <ac:spMkLst>
            <pc:docMk/>
            <pc:sldMk cId="1279582212" sldId="257"/>
            <ac:spMk id="2033" creationId="{DE3269A9-58E5-473F-95D2-2B621618660F}"/>
          </ac:spMkLst>
        </pc:spChg>
        <pc:spChg chg="add del mod modVis">
          <ac:chgData name="Manuel Lidauer" userId="b55e45dd-c6cc-461d-bef5-835fc172e678" providerId="ADAL" clId="{BCD0C6F6-2D95-4A66-B702-D3858BC1FC00}" dt="2019-09-26T10:15:33.524" v="63444"/>
          <ac:spMkLst>
            <pc:docMk/>
            <pc:sldMk cId="1279582212" sldId="257"/>
            <ac:spMk id="2034" creationId="{5811FE2F-2845-4910-8D7E-9F3C605E2AF7}"/>
          </ac:spMkLst>
        </pc:spChg>
        <pc:spChg chg="add del mod modVis">
          <ac:chgData name="Manuel Lidauer" userId="b55e45dd-c6cc-461d-bef5-835fc172e678" providerId="ADAL" clId="{BCD0C6F6-2D95-4A66-B702-D3858BC1FC00}" dt="2019-09-26T10:15:33.524" v="63446"/>
          <ac:spMkLst>
            <pc:docMk/>
            <pc:sldMk cId="1279582212" sldId="257"/>
            <ac:spMk id="2035" creationId="{D919241D-9B08-4175-930F-F1F1D598E98D}"/>
          </ac:spMkLst>
        </pc:spChg>
        <pc:spChg chg="add del mod modVis">
          <ac:chgData name="Manuel Lidauer" userId="b55e45dd-c6cc-461d-bef5-835fc172e678" providerId="ADAL" clId="{BCD0C6F6-2D95-4A66-B702-D3858BC1FC00}" dt="2019-09-26T10:15:33.525" v="63447"/>
          <ac:spMkLst>
            <pc:docMk/>
            <pc:sldMk cId="1279582212" sldId="257"/>
            <ac:spMk id="2036" creationId="{22980510-B5DB-4CA2-A985-070014CE3E89}"/>
          </ac:spMkLst>
        </pc:spChg>
        <pc:spChg chg="add del mod modVis">
          <ac:chgData name="Manuel Lidauer" userId="b55e45dd-c6cc-461d-bef5-835fc172e678" providerId="ADAL" clId="{BCD0C6F6-2D95-4A66-B702-D3858BC1FC00}" dt="2019-09-26T10:15:33.525" v="63449"/>
          <ac:spMkLst>
            <pc:docMk/>
            <pc:sldMk cId="1279582212" sldId="257"/>
            <ac:spMk id="2037" creationId="{2A58178B-FA02-46D0-A611-BBB552DFB591}"/>
          </ac:spMkLst>
        </pc:spChg>
        <pc:spChg chg="add del mod modVis">
          <ac:chgData name="Manuel Lidauer" userId="b55e45dd-c6cc-461d-bef5-835fc172e678" providerId="ADAL" clId="{BCD0C6F6-2D95-4A66-B702-D3858BC1FC00}" dt="2019-09-26T10:15:33.526" v="63451"/>
          <ac:spMkLst>
            <pc:docMk/>
            <pc:sldMk cId="1279582212" sldId="257"/>
            <ac:spMk id="2038" creationId="{0F0CCD9D-BE21-4A12-91EA-07343B0F9143}"/>
          </ac:spMkLst>
        </pc:spChg>
        <pc:spChg chg="add del mod modVis">
          <ac:chgData name="Manuel Lidauer" userId="b55e45dd-c6cc-461d-bef5-835fc172e678" providerId="ADAL" clId="{BCD0C6F6-2D95-4A66-B702-D3858BC1FC00}" dt="2019-09-26T10:15:33.527" v="63453"/>
          <ac:spMkLst>
            <pc:docMk/>
            <pc:sldMk cId="1279582212" sldId="257"/>
            <ac:spMk id="2039" creationId="{0DE0941B-FC9A-46AC-9E57-59CA2393055E}"/>
          </ac:spMkLst>
        </pc:spChg>
        <pc:spChg chg="add del mod modVis">
          <ac:chgData name="Manuel Lidauer" userId="b55e45dd-c6cc-461d-bef5-835fc172e678" providerId="ADAL" clId="{BCD0C6F6-2D95-4A66-B702-D3858BC1FC00}" dt="2019-09-26T10:15:33.527" v="63455"/>
          <ac:spMkLst>
            <pc:docMk/>
            <pc:sldMk cId="1279582212" sldId="257"/>
            <ac:spMk id="2040" creationId="{23F26F44-8919-4A46-84B5-C9245AF7CAFB}"/>
          </ac:spMkLst>
        </pc:spChg>
        <pc:spChg chg="add del mod modVis">
          <ac:chgData name="Manuel Lidauer" userId="b55e45dd-c6cc-461d-bef5-835fc172e678" providerId="ADAL" clId="{BCD0C6F6-2D95-4A66-B702-D3858BC1FC00}" dt="2019-09-26T10:15:33.528" v="63457"/>
          <ac:spMkLst>
            <pc:docMk/>
            <pc:sldMk cId="1279582212" sldId="257"/>
            <ac:spMk id="2041" creationId="{061F2E48-1249-48CA-8EAE-A72BD6BA7F79}"/>
          </ac:spMkLst>
        </pc:spChg>
        <pc:spChg chg="add del mod modVis">
          <ac:chgData name="Manuel Lidauer" userId="b55e45dd-c6cc-461d-bef5-835fc172e678" providerId="ADAL" clId="{BCD0C6F6-2D95-4A66-B702-D3858BC1FC00}" dt="2019-09-26T10:15:33.529" v="63459"/>
          <ac:spMkLst>
            <pc:docMk/>
            <pc:sldMk cId="1279582212" sldId="257"/>
            <ac:spMk id="2042" creationId="{AD983059-DECF-4396-B898-5AE88632C7E4}"/>
          </ac:spMkLst>
        </pc:spChg>
        <pc:spChg chg="add del mod modVis">
          <ac:chgData name="Manuel Lidauer" userId="b55e45dd-c6cc-461d-bef5-835fc172e678" providerId="ADAL" clId="{BCD0C6F6-2D95-4A66-B702-D3858BC1FC00}" dt="2019-09-26T10:15:33.529" v="63461"/>
          <ac:spMkLst>
            <pc:docMk/>
            <pc:sldMk cId="1279582212" sldId="257"/>
            <ac:spMk id="2043" creationId="{9B5AB734-F811-4BD1-BB5F-A8C97F06313F}"/>
          </ac:spMkLst>
        </pc:spChg>
        <pc:spChg chg="add del mod modVis">
          <ac:chgData name="Manuel Lidauer" userId="b55e45dd-c6cc-461d-bef5-835fc172e678" providerId="ADAL" clId="{BCD0C6F6-2D95-4A66-B702-D3858BC1FC00}" dt="2019-09-26T10:15:33.530" v="63462"/>
          <ac:spMkLst>
            <pc:docMk/>
            <pc:sldMk cId="1279582212" sldId="257"/>
            <ac:spMk id="2044" creationId="{A1EF0B24-6132-4D0B-8EE8-7F1C9DFAC692}"/>
          </ac:spMkLst>
        </pc:spChg>
        <pc:spChg chg="add del mod modVis">
          <ac:chgData name="Manuel Lidauer" userId="b55e45dd-c6cc-461d-bef5-835fc172e678" providerId="ADAL" clId="{BCD0C6F6-2D95-4A66-B702-D3858BC1FC00}" dt="2019-09-26T10:15:33.530" v="63464"/>
          <ac:spMkLst>
            <pc:docMk/>
            <pc:sldMk cId="1279582212" sldId="257"/>
            <ac:spMk id="2045" creationId="{A0151967-3A03-48A1-964C-5A199839EE5B}"/>
          </ac:spMkLst>
        </pc:spChg>
        <pc:spChg chg="add del mod modVis">
          <ac:chgData name="Manuel Lidauer" userId="b55e45dd-c6cc-461d-bef5-835fc172e678" providerId="ADAL" clId="{BCD0C6F6-2D95-4A66-B702-D3858BC1FC00}" dt="2019-09-26T10:15:33.531" v="63466"/>
          <ac:spMkLst>
            <pc:docMk/>
            <pc:sldMk cId="1279582212" sldId="257"/>
            <ac:spMk id="2046" creationId="{AB440A25-285B-45C1-BFCC-DF99B4E3F7DC}"/>
          </ac:spMkLst>
        </pc:spChg>
        <pc:spChg chg="add del mod modVis">
          <ac:chgData name="Manuel Lidauer" userId="b55e45dd-c6cc-461d-bef5-835fc172e678" providerId="ADAL" clId="{BCD0C6F6-2D95-4A66-B702-D3858BC1FC00}" dt="2019-09-26T10:15:33.532" v="63468"/>
          <ac:spMkLst>
            <pc:docMk/>
            <pc:sldMk cId="1279582212" sldId="257"/>
            <ac:spMk id="2047" creationId="{3EFD9753-32EE-4666-A971-D427DB2A370B}"/>
          </ac:spMkLst>
        </pc:spChg>
        <pc:spChg chg="add del mod modVis">
          <ac:chgData name="Manuel Lidauer" userId="b55e45dd-c6cc-461d-bef5-835fc172e678" providerId="ADAL" clId="{BCD0C6F6-2D95-4A66-B702-D3858BC1FC00}" dt="2019-09-26T10:15:33.532" v="63470"/>
          <ac:spMkLst>
            <pc:docMk/>
            <pc:sldMk cId="1279582212" sldId="257"/>
            <ac:spMk id="2048" creationId="{01E99C9E-6D1C-4405-A484-B4768934DCFA}"/>
          </ac:spMkLst>
        </pc:spChg>
        <pc:spChg chg="add del mod modVis">
          <ac:chgData name="Manuel Lidauer" userId="b55e45dd-c6cc-461d-bef5-835fc172e678" providerId="ADAL" clId="{BCD0C6F6-2D95-4A66-B702-D3858BC1FC00}" dt="2019-09-26T10:15:33.533" v="63472"/>
          <ac:spMkLst>
            <pc:docMk/>
            <pc:sldMk cId="1279582212" sldId="257"/>
            <ac:spMk id="2049" creationId="{412E4FD0-1F1F-4C93-A236-8548B0746FF4}"/>
          </ac:spMkLst>
        </pc:spChg>
        <pc:spChg chg="add del mod modVis">
          <ac:chgData name="Manuel Lidauer" userId="b55e45dd-c6cc-461d-bef5-835fc172e678" providerId="ADAL" clId="{BCD0C6F6-2D95-4A66-B702-D3858BC1FC00}" dt="2019-09-26T10:15:33.534" v="63474"/>
          <ac:spMkLst>
            <pc:docMk/>
            <pc:sldMk cId="1279582212" sldId="257"/>
            <ac:spMk id="2050" creationId="{0345113F-29B5-4845-A0C3-C1DA65F383AE}"/>
          </ac:spMkLst>
        </pc:spChg>
        <pc:spChg chg="add del mod modVis">
          <ac:chgData name="Manuel Lidauer" userId="b55e45dd-c6cc-461d-bef5-835fc172e678" providerId="ADAL" clId="{BCD0C6F6-2D95-4A66-B702-D3858BC1FC00}" dt="2019-09-26T10:15:33.534" v="63476"/>
          <ac:spMkLst>
            <pc:docMk/>
            <pc:sldMk cId="1279582212" sldId="257"/>
            <ac:spMk id="2051" creationId="{1881C9E3-B052-45C0-8135-B4C837D2567E}"/>
          </ac:spMkLst>
        </pc:spChg>
        <pc:spChg chg="add del mod modVis">
          <ac:chgData name="Manuel Lidauer" userId="b55e45dd-c6cc-461d-bef5-835fc172e678" providerId="ADAL" clId="{BCD0C6F6-2D95-4A66-B702-D3858BC1FC00}" dt="2019-09-26T10:15:33.535" v="63477"/>
          <ac:spMkLst>
            <pc:docMk/>
            <pc:sldMk cId="1279582212" sldId="257"/>
            <ac:spMk id="2052" creationId="{275CE089-015A-4076-95F0-8DF71CB1F188}"/>
          </ac:spMkLst>
        </pc:spChg>
        <pc:spChg chg="add del mod modVis">
          <ac:chgData name="Manuel Lidauer" userId="b55e45dd-c6cc-461d-bef5-835fc172e678" providerId="ADAL" clId="{BCD0C6F6-2D95-4A66-B702-D3858BC1FC00}" dt="2019-09-26T10:15:33.535" v="63479"/>
          <ac:spMkLst>
            <pc:docMk/>
            <pc:sldMk cId="1279582212" sldId="257"/>
            <ac:spMk id="2053" creationId="{D69D8F4B-07D5-4562-97D0-F08C5C42F0FC}"/>
          </ac:spMkLst>
        </pc:spChg>
        <pc:spChg chg="add del mod modVis">
          <ac:chgData name="Manuel Lidauer" userId="b55e45dd-c6cc-461d-bef5-835fc172e678" providerId="ADAL" clId="{BCD0C6F6-2D95-4A66-B702-D3858BC1FC00}" dt="2019-09-26T10:15:33.536" v="63481"/>
          <ac:spMkLst>
            <pc:docMk/>
            <pc:sldMk cId="1279582212" sldId="257"/>
            <ac:spMk id="2054" creationId="{A27518D1-CADE-46B9-B851-DC1AE8936D86}"/>
          </ac:spMkLst>
        </pc:spChg>
        <pc:spChg chg="add del mod modVis">
          <ac:chgData name="Manuel Lidauer" userId="b55e45dd-c6cc-461d-bef5-835fc172e678" providerId="ADAL" clId="{BCD0C6F6-2D95-4A66-B702-D3858BC1FC00}" dt="2019-09-26T10:15:33.537" v="63483"/>
          <ac:spMkLst>
            <pc:docMk/>
            <pc:sldMk cId="1279582212" sldId="257"/>
            <ac:spMk id="2055" creationId="{69C22BFA-D675-462F-8E23-2DBF2B6B48BA}"/>
          </ac:spMkLst>
        </pc:spChg>
        <pc:spChg chg="add del mod modVis">
          <ac:chgData name="Manuel Lidauer" userId="b55e45dd-c6cc-461d-bef5-835fc172e678" providerId="ADAL" clId="{BCD0C6F6-2D95-4A66-B702-D3858BC1FC00}" dt="2019-09-26T10:15:33.537" v="63485"/>
          <ac:spMkLst>
            <pc:docMk/>
            <pc:sldMk cId="1279582212" sldId="257"/>
            <ac:spMk id="2056" creationId="{92DBB687-0180-43EC-A605-ED9D7AF448FE}"/>
          </ac:spMkLst>
        </pc:spChg>
        <pc:spChg chg="add del mod modVis">
          <ac:chgData name="Manuel Lidauer" userId="b55e45dd-c6cc-461d-bef5-835fc172e678" providerId="ADAL" clId="{BCD0C6F6-2D95-4A66-B702-D3858BC1FC00}" dt="2019-09-26T10:15:33.538" v="63487"/>
          <ac:spMkLst>
            <pc:docMk/>
            <pc:sldMk cId="1279582212" sldId="257"/>
            <ac:spMk id="2057" creationId="{35B8CA74-4FF3-46BF-808F-F4E4B9479F9D}"/>
          </ac:spMkLst>
        </pc:spChg>
        <pc:spChg chg="add del mod modVis">
          <ac:chgData name="Manuel Lidauer" userId="b55e45dd-c6cc-461d-bef5-835fc172e678" providerId="ADAL" clId="{BCD0C6F6-2D95-4A66-B702-D3858BC1FC00}" dt="2019-09-26T10:15:33.539" v="63489"/>
          <ac:spMkLst>
            <pc:docMk/>
            <pc:sldMk cId="1279582212" sldId="257"/>
            <ac:spMk id="2058" creationId="{A4AFBE24-E132-4164-8EE1-765603A1050D}"/>
          </ac:spMkLst>
        </pc:spChg>
        <pc:spChg chg="add del mod modVis">
          <ac:chgData name="Manuel Lidauer" userId="b55e45dd-c6cc-461d-bef5-835fc172e678" providerId="ADAL" clId="{BCD0C6F6-2D95-4A66-B702-D3858BC1FC00}" dt="2019-09-26T10:15:33.540" v="63491"/>
          <ac:spMkLst>
            <pc:docMk/>
            <pc:sldMk cId="1279582212" sldId="257"/>
            <ac:spMk id="2059" creationId="{6C4361BB-425D-444A-A0E8-FC316322DF15}"/>
          </ac:spMkLst>
        </pc:spChg>
        <pc:spChg chg="add del mod modVis">
          <ac:chgData name="Manuel Lidauer" userId="b55e45dd-c6cc-461d-bef5-835fc172e678" providerId="ADAL" clId="{BCD0C6F6-2D95-4A66-B702-D3858BC1FC00}" dt="2019-09-26T10:15:33.541" v="63492"/>
          <ac:spMkLst>
            <pc:docMk/>
            <pc:sldMk cId="1279582212" sldId="257"/>
            <ac:spMk id="2060" creationId="{913B8D23-95DD-4EAA-B00E-01E0F0FE662C}"/>
          </ac:spMkLst>
        </pc:spChg>
        <pc:spChg chg="add del mod modVis">
          <ac:chgData name="Manuel Lidauer" userId="b55e45dd-c6cc-461d-bef5-835fc172e678" providerId="ADAL" clId="{BCD0C6F6-2D95-4A66-B702-D3858BC1FC00}" dt="2019-09-26T10:15:33.541" v="63494"/>
          <ac:spMkLst>
            <pc:docMk/>
            <pc:sldMk cId="1279582212" sldId="257"/>
            <ac:spMk id="2061" creationId="{8DA66A40-8AC9-4B1F-8F78-F74243241BD0}"/>
          </ac:spMkLst>
        </pc:spChg>
        <pc:spChg chg="add del mod modVis">
          <ac:chgData name="Manuel Lidauer" userId="b55e45dd-c6cc-461d-bef5-835fc172e678" providerId="ADAL" clId="{BCD0C6F6-2D95-4A66-B702-D3858BC1FC00}" dt="2019-09-26T10:15:33.542" v="63496"/>
          <ac:spMkLst>
            <pc:docMk/>
            <pc:sldMk cId="1279582212" sldId="257"/>
            <ac:spMk id="2062" creationId="{728578B8-A7DC-4D7E-B282-5D23F77DF666}"/>
          </ac:spMkLst>
        </pc:spChg>
        <pc:spChg chg="add del mod modVis">
          <ac:chgData name="Manuel Lidauer" userId="b55e45dd-c6cc-461d-bef5-835fc172e678" providerId="ADAL" clId="{BCD0C6F6-2D95-4A66-B702-D3858BC1FC00}" dt="2019-09-26T10:15:33.543" v="63498"/>
          <ac:spMkLst>
            <pc:docMk/>
            <pc:sldMk cId="1279582212" sldId="257"/>
            <ac:spMk id="2063" creationId="{20FFFB1A-4328-49C9-8D3A-C4F5E0E661B1}"/>
          </ac:spMkLst>
        </pc:spChg>
        <pc:spChg chg="add del mod modVis">
          <ac:chgData name="Manuel Lidauer" userId="b55e45dd-c6cc-461d-bef5-835fc172e678" providerId="ADAL" clId="{BCD0C6F6-2D95-4A66-B702-D3858BC1FC00}" dt="2019-09-26T10:15:33.543" v="63500"/>
          <ac:spMkLst>
            <pc:docMk/>
            <pc:sldMk cId="1279582212" sldId="257"/>
            <ac:spMk id="2064" creationId="{479DE37E-19D4-44BA-9634-E4E26132E820}"/>
          </ac:spMkLst>
        </pc:spChg>
        <pc:spChg chg="add del mod modVis">
          <ac:chgData name="Manuel Lidauer" userId="b55e45dd-c6cc-461d-bef5-835fc172e678" providerId="ADAL" clId="{BCD0C6F6-2D95-4A66-B702-D3858BC1FC00}" dt="2019-09-26T10:15:33.544" v="63502"/>
          <ac:spMkLst>
            <pc:docMk/>
            <pc:sldMk cId="1279582212" sldId="257"/>
            <ac:spMk id="2065" creationId="{D9C66DCB-55CB-44B9-930B-272282CBCF68}"/>
          </ac:spMkLst>
        </pc:spChg>
        <pc:spChg chg="add del mod modVis">
          <ac:chgData name="Manuel Lidauer" userId="b55e45dd-c6cc-461d-bef5-835fc172e678" providerId="ADAL" clId="{BCD0C6F6-2D95-4A66-B702-D3858BC1FC00}" dt="2019-09-26T10:15:33.545" v="63504"/>
          <ac:spMkLst>
            <pc:docMk/>
            <pc:sldMk cId="1279582212" sldId="257"/>
            <ac:spMk id="2066" creationId="{7EDB1757-88F7-438F-B980-5E73D6ED913C}"/>
          </ac:spMkLst>
        </pc:spChg>
        <pc:spChg chg="add del mod modVis">
          <ac:chgData name="Manuel Lidauer" userId="b55e45dd-c6cc-461d-bef5-835fc172e678" providerId="ADAL" clId="{BCD0C6F6-2D95-4A66-B702-D3858BC1FC00}" dt="2019-09-26T10:15:33.545" v="63506"/>
          <ac:spMkLst>
            <pc:docMk/>
            <pc:sldMk cId="1279582212" sldId="257"/>
            <ac:spMk id="2067" creationId="{E9CA2121-4BB7-4350-9983-A5D32F7F6A72}"/>
          </ac:spMkLst>
        </pc:spChg>
        <pc:spChg chg="add del mod modVis">
          <ac:chgData name="Manuel Lidauer" userId="b55e45dd-c6cc-461d-bef5-835fc172e678" providerId="ADAL" clId="{BCD0C6F6-2D95-4A66-B702-D3858BC1FC00}" dt="2019-09-26T10:15:33.546" v="63507"/>
          <ac:spMkLst>
            <pc:docMk/>
            <pc:sldMk cId="1279582212" sldId="257"/>
            <ac:spMk id="2068" creationId="{05EECFB6-A8E5-4FDC-B852-0E6755E54B63}"/>
          </ac:spMkLst>
        </pc:spChg>
        <pc:spChg chg="add del mod modVis">
          <ac:chgData name="Manuel Lidauer" userId="b55e45dd-c6cc-461d-bef5-835fc172e678" providerId="ADAL" clId="{BCD0C6F6-2D95-4A66-B702-D3858BC1FC00}" dt="2019-09-26T10:15:33.546" v="63509"/>
          <ac:spMkLst>
            <pc:docMk/>
            <pc:sldMk cId="1279582212" sldId="257"/>
            <ac:spMk id="2069" creationId="{DB25B38D-0384-4686-9997-737422DB7B43}"/>
          </ac:spMkLst>
        </pc:spChg>
        <pc:spChg chg="add del mod modVis">
          <ac:chgData name="Manuel Lidauer" userId="b55e45dd-c6cc-461d-bef5-835fc172e678" providerId="ADAL" clId="{BCD0C6F6-2D95-4A66-B702-D3858BC1FC00}" dt="2019-09-26T10:15:33.547" v="63511"/>
          <ac:spMkLst>
            <pc:docMk/>
            <pc:sldMk cId="1279582212" sldId="257"/>
            <ac:spMk id="2070" creationId="{59DF3BF3-334D-4A4B-B636-9D414FFBD982}"/>
          </ac:spMkLst>
        </pc:spChg>
        <pc:spChg chg="add del mod modVis">
          <ac:chgData name="Manuel Lidauer" userId="b55e45dd-c6cc-461d-bef5-835fc172e678" providerId="ADAL" clId="{BCD0C6F6-2D95-4A66-B702-D3858BC1FC00}" dt="2019-09-26T10:15:33.548" v="63513"/>
          <ac:spMkLst>
            <pc:docMk/>
            <pc:sldMk cId="1279582212" sldId="257"/>
            <ac:spMk id="2071" creationId="{E4C98B58-1485-408E-8332-CC0E08FADB8A}"/>
          </ac:spMkLst>
        </pc:spChg>
        <pc:spChg chg="add del mod modVis">
          <ac:chgData name="Manuel Lidauer" userId="b55e45dd-c6cc-461d-bef5-835fc172e678" providerId="ADAL" clId="{BCD0C6F6-2D95-4A66-B702-D3858BC1FC00}" dt="2019-09-26T10:15:33.548" v="63515"/>
          <ac:spMkLst>
            <pc:docMk/>
            <pc:sldMk cId="1279582212" sldId="257"/>
            <ac:spMk id="2072" creationId="{E3F9E57A-C470-4795-8F19-89501B7AFF79}"/>
          </ac:spMkLst>
        </pc:spChg>
        <pc:spChg chg="add del mod modVis">
          <ac:chgData name="Manuel Lidauer" userId="b55e45dd-c6cc-461d-bef5-835fc172e678" providerId="ADAL" clId="{BCD0C6F6-2D95-4A66-B702-D3858BC1FC00}" dt="2019-09-26T10:15:33.549" v="63517"/>
          <ac:spMkLst>
            <pc:docMk/>
            <pc:sldMk cId="1279582212" sldId="257"/>
            <ac:spMk id="2073" creationId="{7FC5B0A0-C404-4215-9095-3632FCD50EBD}"/>
          </ac:spMkLst>
        </pc:spChg>
        <pc:spChg chg="add del mod modVis">
          <ac:chgData name="Manuel Lidauer" userId="b55e45dd-c6cc-461d-bef5-835fc172e678" providerId="ADAL" clId="{BCD0C6F6-2D95-4A66-B702-D3858BC1FC00}" dt="2019-09-26T10:15:33.550" v="63519"/>
          <ac:spMkLst>
            <pc:docMk/>
            <pc:sldMk cId="1279582212" sldId="257"/>
            <ac:spMk id="2074" creationId="{4E8456DF-64D5-4E92-97EA-1D2233747E23}"/>
          </ac:spMkLst>
        </pc:spChg>
        <pc:spChg chg="add del mod modVis">
          <ac:chgData name="Manuel Lidauer" userId="b55e45dd-c6cc-461d-bef5-835fc172e678" providerId="ADAL" clId="{BCD0C6F6-2D95-4A66-B702-D3858BC1FC00}" dt="2019-09-26T10:15:33.550" v="63521"/>
          <ac:spMkLst>
            <pc:docMk/>
            <pc:sldMk cId="1279582212" sldId="257"/>
            <ac:spMk id="2075" creationId="{1FEA8B48-7B58-47A8-8757-390340E067A4}"/>
          </ac:spMkLst>
        </pc:spChg>
        <pc:spChg chg="add del mod modVis">
          <ac:chgData name="Manuel Lidauer" userId="b55e45dd-c6cc-461d-bef5-835fc172e678" providerId="ADAL" clId="{BCD0C6F6-2D95-4A66-B702-D3858BC1FC00}" dt="2019-09-26T10:15:33.551" v="63522"/>
          <ac:spMkLst>
            <pc:docMk/>
            <pc:sldMk cId="1279582212" sldId="257"/>
            <ac:spMk id="2076" creationId="{8433D6DA-9019-4D41-8105-6416BDF92063}"/>
          </ac:spMkLst>
        </pc:spChg>
        <pc:spChg chg="add del mod modVis">
          <ac:chgData name="Manuel Lidauer" userId="b55e45dd-c6cc-461d-bef5-835fc172e678" providerId="ADAL" clId="{BCD0C6F6-2D95-4A66-B702-D3858BC1FC00}" dt="2019-09-26T10:15:33.551" v="63524"/>
          <ac:spMkLst>
            <pc:docMk/>
            <pc:sldMk cId="1279582212" sldId="257"/>
            <ac:spMk id="2077" creationId="{6D8EEC20-FA97-4961-84EE-92B67B1EC3F7}"/>
          </ac:spMkLst>
        </pc:spChg>
        <pc:spChg chg="add del mod modVis">
          <ac:chgData name="Manuel Lidauer" userId="b55e45dd-c6cc-461d-bef5-835fc172e678" providerId="ADAL" clId="{BCD0C6F6-2D95-4A66-B702-D3858BC1FC00}" dt="2019-09-26T10:15:33.552" v="63526"/>
          <ac:spMkLst>
            <pc:docMk/>
            <pc:sldMk cId="1279582212" sldId="257"/>
            <ac:spMk id="2078" creationId="{8D43389E-3EB4-4915-8AB8-8AC7CEF56A04}"/>
          </ac:spMkLst>
        </pc:spChg>
        <pc:spChg chg="add del mod modVis">
          <ac:chgData name="Manuel Lidauer" userId="b55e45dd-c6cc-461d-bef5-835fc172e678" providerId="ADAL" clId="{BCD0C6F6-2D95-4A66-B702-D3858BC1FC00}" dt="2019-09-26T10:15:33.552" v="63528"/>
          <ac:spMkLst>
            <pc:docMk/>
            <pc:sldMk cId="1279582212" sldId="257"/>
            <ac:spMk id="2079" creationId="{64BB4116-1DCD-4425-9343-AF15B667CD1A}"/>
          </ac:spMkLst>
        </pc:spChg>
        <pc:spChg chg="add del mod modVis">
          <ac:chgData name="Manuel Lidauer" userId="b55e45dd-c6cc-461d-bef5-835fc172e678" providerId="ADAL" clId="{BCD0C6F6-2D95-4A66-B702-D3858BC1FC00}" dt="2019-09-26T10:15:33.553" v="63530"/>
          <ac:spMkLst>
            <pc:docMk/>
            <pc:sldMk cId="1279582212" sldId="257"/>
            <ac:spMk id="2080" creationId="{22C660C6-6298-440E-883B-DC6259862216}"/>
          </ac:spMkLst>
        </pc:spChg>
        <pc:spChg chg="add del mod modVis">
          <ac:chgData name="Manuel Lidauer" userId="b55e45dd-c6cc-461d-bef5-835fc172e678" providerId="ADAL" clId="{BCD0C6F6-2D95-4A66-B702-D3858BC1FC00}" dt="2019-09-26T10:15:33.554" v="63532"/>
          <ac:spMkLst>
            <pc:docMk/>
            <pc:sldMk cId="1279582212" sldId="257"/>
            <ac:spMk id="2081" creationId="{39A1B776-4269-4BBF-9997-5897A4FF0C19}"/>
          </ac:spMkLst>
        </pc:spChg>
        <pc:spChg chg="add del mod modVis">
          <ac:chgData name="Manuel Lidauer" userId="b55e45dd-c6cc-461d-bef5-835fc172e678" providerId="ADAL" clId="{BCD0C6F6-2D95-4A66-B702-D3858BC1FC00}" dt="2019-09-26T10:15:33.554" v="63534"/>
          <ac:spMkLst>
            <pc:docMk/>
            <pc:sldMk cId="1279582212" sldId="257"/>
            <ac:spMk id="2082" creationId="{E8BA20D7-44C2-44A1-9D5E-89C94CFD6978}"/>
          </ac:spMkLst>
        </pc:spChg>
        <pc:spChg chg="add del mod modVis">
          <ac:chgData name="Manuel Lidauer" userId="b55e45dd-c6cc-461d-bef5-835fc172e678" providerId="ADAL" clId="{BCD0C6F6-2D95-4A66-B702-D3858BC1FC00}" dt="2019-09-26T10:15:33.555" v="63536"/>
          <ac:spMkLst>
            <pc:docMk/>
            <pc:sldMk cId="1279582212" sldId="257"/>
            <ac:spMk id="2083" creationId="{88ABBA58-99AC-4681-92EE-9190A19D95AB}"/>
          </ac:spMkLst>
        </pc:spChg>
        <pc:spChg chg="add del mod modVis">
          <ac:chgData name="Manuel Lidauer" userId="b55e45dd-c6cc-461d-bef5-835fc172e678" providerId="ADAL" clId="{BCD0C6F6-2D95-4A66-B702-D3858BC1FC00}" dt="2019-09-26T10:15:33.556" v="63537"/>
          <ac:spMkLst>
            <pc:docMk/>
            <pc:sldMk cId="1279582212" sldId="257"/>
            <ac:spMk id="2084" creationId="{7AEE30CB-9563-4960-95D4-44B425361065}"/>
          </ac:spMkLst>
        </pc:spChg>
        <pc:spChg chg="add del mod modVis">
          <ac:chgData name="Manuel Lidauer" userId="b55e45dd-c6cc-461d-bef5-835fc172e678" providerId="ADAL" clId="{BCD0C6F6-2D95-4A66-B702-D3858BC1FC00}" dt="2019-09-26T10:15:33.556" v="63539"/>
          <ac:spMkLst>
            <pc:docMk/>
            <pc:sldMk cId="1279582212" sldId="257"/>
            <ac:spMk id="2085" creationId="{D95A7BA0-54C5-48A7-8D67-9AFB8E8858C9}"/>
          </ac:spMkLst>
        </pc:spChg>
        <pc:spChg chg="add del mod modVis">
          <ac:chgData name="Manuel Lidauer" userId="b55e45dd-c6cc-461d-bef5-835fc172e678" providerId="ADAL" clId="{BCD0C6F6-2D95-4A66-B702-D3858BC1FC00}" dt="2019-09-26T10:15:33.557" v="63541"/>
          <ac:spMkLst>
            <pc:docMk/>
            <pc:sldMk cId="1279582212" sldId="257"/>
            <ac:spMk id="2086" creationId="{B7A9BF1A-84ED-4E1C-993A-B9DFF230D991}"/>
          </ac:spMkLst>
        </pc:spChg>
        <pc:spChg chg="add del mod modVis">
          <ac:chgData name="Manuel Lidauer" userId="b55e45dd-c6cc-461d-bef5-835fc172e678" providerId="ADAL" clId="{BCD0C6F6-2D95-4A66-B702-D3858BC1FC00}" dt="2019-09-26T10:15:33.558" v="63543"/>
          <ac:spMkLst>
            <pc:docMk/>
            <pc:sldMk cId="1279582212" sldId="257"/>
            <ac:spMk id="2087" creationId="{211FFB4B-8ED6-47D0-B1AC-B7EAA73387D0}"/>
          </ac:spMkLst>
        </pc:spChg>
        <pc:spChg chg="add del mod modVis">
          <ac:chgData name="Manuel Lidauer" userId="b55e45dd-c6cc-461d-bef5-835fc172e678" providerId="ADAL" clId="{BCD0C6F6-2D95-4A66-B702-D3858BC1FC00}" dt="2019-09-26T10:15:33.559" v="63545"/>
          <ac:spMkLst>
            <pc:docMk/>
            <pc:sldMk cId="1279582212" sldId="257"/>
            <ac:spMk id="2088" creationId="{7BDFF251-345B-454F-BC1B-E995DF22F29F}"/>
          </ac:spMkLst>
        </pc:spChg>
        <pc:spChg chg="add del mod modVis">
          <ac:chgData name="Manuel Lidauer" userId="b55e45dd-c6cc-461d-bef5-835fc172e678" providerId="ADAL" clId="{BCD0C6F6-2D95-4A66-B702-D3858BC1FC00}" dt="2019-09-26T10:15:33.559" v="63547"/>
          <ac:spMkLst>
            <pc:docMk/>
            <pc:sldMk cId="1279582212" sldId="257"/>
            <ac:spMk id="2089" creationId="{5802E95C-1CA8-4EF3-8230-45B2EBB92BA4}"/>
          </ac:spMkLst>
        </pc:spChg>
        <pc:spChg chg="add del mod modVis">
          <ac:chgData name="Manuel Lidauer" userId="b55e45dd-c6cc-461d-bef5-835fc172e678" providerId="ADAL" clId="{BCD0C6F6-2D95-4A66-B702-D3858BC1FC00}" dt="2019-09-26T10:15:33.560" v="63549"/>
          <ac:spMkLst>
            <pc:docMk/>
            <pc:sldMk cId="1279582212" sldId="257"/>
            <ac:spMk id="2090" creationId="{E244AA9D-6538-44E6-B2AF-64F983E481E3}"/>
          </ac:spMkLst>
        </pc:spChg>
        <pc:spChg chg="add del mod modVis">
          <ac:chgData name="Manuel Lidauer" userId="b55e45dd-c6cc-461d-bef5-835fc172e678" providerId="ADAL" clId="{BCD0C6F6-2D95-4A66-B702-D3858BC1FC00}" dt="2019-09-26T10:15:33.561" v="63551"/>
          <ac:spMkLst>
            <pc:docMk/>
            <pc:sldMk cId="1279582212" sldId="257"/>
            <ac:spMk id="2091" creationId="{C4D07F04-9E95-425C-9619-05AA46436087}"/>
          </ac:spMkLst>
        </pc:spChg>
        <pc:spChg chg="add del mod modVis">
          <ac:chgData name="Manuel Lidauer" userId="b55e45dd-c6cc-461d-bef5-835fc172e678" providerId="ADAL" clId="{BCD0C6F6-2D95-4A66-B702-D3858BC1FC00}" dt="2019-09-26T10:15:33.561" v="63552"/>
          <ac:spMkLst>
            <pc:docMk/>
            <pc:sldMk cId="1279582212" sldId="257"/>
            <ac:spMk id="2092" creationId="{2EAF6D0F-0CB6-4657-893D-CBCB1E4899C1}"/>
          </ac:spMkLst>
        </pc:spChg>
        <pc:spChg chg="add del mod modVis">
          <ac:chgData name="Manuel Lidauer" userId="b55e45dd-c6cc-461d-bef5-835fc172e678" providerId="ADAL" clId="{BCD0C6F6-2D95-4A66-B702-D3858BC1FC00}" dt="2019-09-26T10:15:33.562" v="63554"/>
          <ac:spMkLst>
            <pc:docMk/>
            <pc:sldMk cId="1279582212" sldId="257"/>
            <ac:spMk id="2093" creationId="{ADFE3269-177B-4DCB-945B-C15648551CA4}"/>
          </ac:spMkLst>
        </pc:spChg>
        <pc:spChg chg="add del mod modVis">
          <ac:chgData name="Manuel Lidauer" userId="b55e45dd-c6cc-461d-bef5-835fc172e678" providerId="ADAL" clId="{BCD0C6F6-2D95-4A66-B702-D3858BC1FC00}" dt="2019-09-26T10:15:33.562" v="63556"/>
          <ac:spMkLst>
            <pc:docMk/>
            <pc:sldMk cId="1279582212" sldId="257"/>
            <ac:spMk id="2094" creationId="{26FB64FF-8639-4016-A53C-95CDB1CF1D58}"/>
          </ac:spMkLst>
        </pc:spChg>
        <pc:spChg chg="add del mod modVis">
          <ac:chgData name="Manuel Lidauer" userId="b55e45dd-c6cc-461d-bef5-835fc172e678" providerId="ADAL" clId="{BCD0C6F6-2D95-4A66-B702-D3858BC1FC00}" dt="2019-09-26T10:15:33.563" v="63558"/>
          <ac:spMkLst>
            <pc:docMk/>
            <pc:sldMk cId="1279582212" sldId="257"/>
            <ac:spMk id="2095" creationId="{D70049A2-D59D-4742-AD4B-6AF70D56C14B}"/>
          </ac:spMkLst>
        </pc:spChg>
        <pc:spChg chg="add del mod modVis">
          <ac:chgData name="Manuel Lidauer" userId="b55e45dd-c6cc-461d-bef5-835fc172e678" providerId="ADAL" clId="{BCD0C6F6-2D95-4A66-B702-D3858BC1FC00}" dt="2019-09-26T10:15:33.564" v="63560"/>
          <ac:spMkLst>
            <pc:docMk/>
            <pc:sldMk cId="1279582212" sldId="257"/>
            <ac:spMk id="2096" creationId="{53AE7061-AC5F-4A36-BE51-3D33B097524F}"/>
          </ac:spMkLst>
        </pc:spChg>
        <pc:spChg chg="add del mod modVis">
          <ac:chgData name="Manuel Lidauer" userId="b55e45dd-c6cc-461d-bef5-835fc172e678" providerId="ADAL" clId="{BCD0C6F6-2D95-4A66-B702-D3858BC1FC00}" dt="2019-09-26T10:15:33.564" v="63562"/>
          <ac:spMkLst>
            <pc:docMk/>
            <pc:sldMk cId="1279582212" sldId="257"/>
            <ac:spMk id="2097" creationId="{DEABA4EA-E887-487F-A609-B62132DD2B5D}"/>
          </ac:spMkLst>
        </pc:spChg>
        <pc:spChg chg="add del mod modVis">
          <ac:chgData name="Manuel Lidauer" userId="b55e45dd-c6cc-461d-bef5-835fc172e678" providerId="ADAL" clId="{BCD0C6F6-2D95-4A66-B702-D3858BC1FC00}" dt="2019-09-26T10:15:33.565" v="63564"/>
          <ac:spMkLst>
            <pc:docMk/>
            <pc:sldMk cId="1279582212" sldId="257"/>
            <ac:spMk id="2098" creationId="{4F3BB2E2-94B2-4CAC-BF1E-6037FD2D207A}"/>
          </ac:spMkLst>
        </pc:spChg>
        <pc:spChg chg="add del mod modVis">
          <ac:chgData name="Manuel Lidauer" userId="b55e45dd-c6cc-461d-bef5-835fc172e678" providerId="ADAL" clId="{BCD0C6F6-2D95-4A66-B702-D3858BC1FC00}" dt="2019-09-26T10:15:33.566" v="63566"/>
          <ac:spMkLst>
            <pc:docMk/>
            <pc:sldMk cId="1279582212" sldId="257"/>
            <ac:spMk id="2099" creationId="{FD4B80ED-39B2-49AA-B89E-77E3BCB0E325}"/>
          </ac:spMkLst>
        </pc:spChg>
        <pc:spChg chg="add del mod modVis">
          <ac:chgData name="Manuel Lidauer" userId="b55e45dd-c6cc-461d-bef5-835fc172e678" providerId="ADAL" clId="{BCD0C6F6-2D95-4A66-B702-D3858BC1FC00}" dt="2019-09-26T10:15:33.566" v="63567"/>
          <ac:spMkLst>
            <pc:docMk/>
            <pc:sldMk cId="1279582212" sldId="257"/>
            <ac:spMk id="2100" creationId="{21B9E650-C7F8-4A87-92FD-959FE7645425}"/>
          </ac:spMkLst>
        </pc:spChg>
        <pc:spChg chg="add del mod modVis">
          <ac:chgData name="Manuel Lidauer" userId="b55e45dd-c6cc-461d-bef5-835fc172e678" providerId="ADAL" clId="{BCD0C6F6-2D95-4A66-B702-D3858BC1FC00}" dt="2019-09-26T10:15:33.567" v="63569"/>
          <ac:spMkLst>
            <pc:docMk/>
            <pc:sldMk cId="1279582212" sldId="257"/>
            <ac:spMk id="2101" creationId="{03F41BDE-CE9F-4235-9DE9-8BB22E93FF17}"/>
          </ac:spMkLst>
        </pc:spChg>
        <pc:spChg chg="add del mod modVis">
          <ac:chgData name="Manuel Lidauer" userId="b55e45dd-c6cc-461d-bef5-835fc172e678" providerId="ADAL" clId="{BCD0C6F6-2D95-4A66-B702-D3858BC1FC00}" dt="2019-09-26T10:15:33.567" v="63571"/>
          <ac:spMkLst>
            <pc:docMk/>
            <pc:sldMk cId="1279582212" sldId="257"/>
            <ac:spMk id="2102" creationId="{CD4B4F12-EB76-4797-ABAB-D4BB930E4138}"/>
          </ac:spMkLst>
        </pc:spChg>
        <pc:spChg chg="add del mod modVis">
          <ac:chgData name="Manuel Lidauer" userId="b55e45dd-c6cc-461d-bef5-835fc172e678" providerId="ADAL" clId="{BCD0C6F6-2D95-4A66-B702-D3858BC1FC00}" dt="2019-09-26T10:15:33.568" v="63573"/>
          <ac:spMkLst>
            <pc:docMk/>
            <pc:sldMk cId="1279582212" sldId="257"/>
            <ac:spMk id="2103" creationId="{155AC278-90B8-4AC9-9252-67BCA372C246}"/>
          </ac:spMkLst>
        </pc:spChg>
        <pc:spChg chg="add del mod modVis">
          <ac:chgData name="Manuel Lidauer" userId="b55e45dd-c6cc-461d-bef5-835fc172e678" providerId="ADAL" clId="{BCD0C6F6-2D95-4A66-B702-D3858BC1FC00}" dt="2019-09-26T10:15:33.568" v="63575"/>
          <ac:spMkLst>
            <pc:docMk/>
            <pc:sldMk cId="1279582212" sldId="257"/>
            <ac:spMk id="2104" creationId="{F509083E-05D0-484F-BB10-3E977F811026}"/>
          </ac:spMkLst>
        </pc:spChg>
        <pc:spChg chg="add del mod modVis">
          <ac:chgData name="Manuel Lidauer" userId="b55e45dd-c6cc-461d-bef5-835fc172e678" providerId="ADAL" clId="{BCD0C6F6-2D95-4A66-B702-D3858BC1FC00}" dt="2019-09-26T10:15:33.568" v="63577"/>
          <ac:spMkLst>
            <pc:docMk/>
            <pc:sldMk cId="1279582212" sldId="257"/>
            <ac:spMk id="2105" creationId="{945A6912-E050-4E75-A693-521615529982}"/>
          </ac:spMkLst>
        </pc:spChg>
        <pc:spChg chg="add del mod modVis">
          <ac:chgData name="Manuel Lidauer" userId="b55e45dd-c6cc-461d-bef5-835fc172e678" providerId="ADAL" clId="{BCD0C6F6-2D95-4A66-B702-D3858BC1FC00}" dt="2019-09-26T10:15:33.569" v="63579"/>
          <ac:spMkLst>
            <pc:docMk/>
            <pc:sldMk cId="1279582212" sldId="257"/>
            <ac:spMk id="2106" creationId="{02EBA85D-6D27-462A-A819-0FCF1195AA53}"/>
          </ac:spMkLst>
        </pc:spChg>
        <pc:spChg chg="add del mod modVis">
          <ac:chgData name="Manuel Lidauer" userId="b55e45dd-c6cc-461d-bef5-835fc172e678" providerId="ADAL" clId="{BCD0C6F6-2D95-4A66-B702-D3858BC1FC00}" dt="2019-09-26T10:15:33.570" v="63581"/>
          <ac:spMkLst>
            <pc:docMk/>
            <pc:sldMk cId="1279582212" sldId="257"/>
            <ac:spMk id="2107" creationId="{5D587118-0AC4-4EE9-96EF-3F812774C72C}"/>
          </ac:spMkLst>
        </pc:spChg>
        <pc:spChg chg="add del mod modVis">
          <ac:chgData name="Manuel Lidauer" userId="b55e45dd-c6cc-461d-bef5-835fc172e678" providerId="ADAL" clId="{BCD0C6F6-2D95-4A66-B702-D3858BC1FC00}" dt="2019-09-26T10:15:33.570" v="63582"/>
          <ac:spMkLst>
            <pc:docMk/>
            <pc:sldMk cId="1279582212" sldId="257"/>
            <ac:spMk id="2108" creationId="{0A522119-C78C-4523-B3FF-6077234D6784}"/>
          </ac:spMkLst>
        </pc:spChg>
        <pc:spChg chg="add del mod modVis">
          <ac:chgData name="Manuel Lidauer" userId="b55e45dd-c6cc-461d-bef5-835fc172e678" providerId="ADAL" clId="{BCD0C6F6-2D95-4A66-B702-D3858BC1FC00}" dt="2019-09-26T10:15:33.571" v="63584"/>
          <ac:spMkLst>
            <pc:docMk/>
            <pc:sldMk cId="1279582212" sldId="257"/>
            <ac:spMk id="2109" creationId="{1F9D7B0F-9C87-4138-A99D-9026BEA80D37}"/>
          </ac:spMkLst>
        </pc:spChg>
        <pc:spChg chg="add del mod modVis">
          <ac:chgData name="Manuel Lidauer" userId="b55e45dd-c6cc-461d-bef5-835fc172e678" providerId="ADAL" clId="{BCD0C6F6-2D95-4A66-B702-D3858BC1FC00}" dt="2019-09-26T10:15:33.572" v="63586"/>
          <ac:spMkLst>
            <pc:docMk/>
            <pc:sldMk cId="1279582212" sldId="257"/>
            <ac:spMk id="2110" creationId="{5D1062E7-6979-4B28-8421-50FE63D0724D}"/>
          </ac:spMkLst>
        </pc:spChg>
        <pc:spChg chg="add del mod modVis">
          <ac:chgData name="Manuel Lidauer" userId="b55e45dd-c6cc-461d-bef5-835fc172e678" providerId="ADAL" clId="{BCD0C6F6-2D95-4A66-B702-D3858BC1FC00}" dt="2019-09-26T10:15:33.573" v="63588"/>
          <ac:spMkLst>
            <pc:docMk/>
            <pc:sldMk cId="1279582212" sldId="257"/>
            <ac:spMk id="2111" creationId="{9CC32532-75A9-4DE9-A798-E86054802CFC}"/>
          </ac:spMkLst>
        </pc:spChg>
        <pc:spChg chg="add del mod modVis">
          <ac:chgData name="Manuel Lidauer" userId="b55e45dd-c6cc-461d-bef5-835fc172e678" providerId="ADAL" clId="{BCD0C6F6-2D95-4A66-B702-D3858BC1FC00}" dt="2019-09-26T10:15:33.573" v="63590"/>
          <ac:spMkLst>
            <pc:docMk/>
            <pc:sldMk cId="1279582212" sldId="257"/>
            <ac:spMk id="2112" creationId="{55679E21-572D-4159-9F99-643E68058263}"/>
          </ac:spMkLst>
        </pc:spChg>
        <pc:spChg chg="add del mod modVis">
          <ac:chgData name="Manuel Lidauer" userId="b55e45dd-c6cc-461d-bef5-835fc172e678" providerId="ADAL" clId="{BCD0C6F6-2D95-4A66-B702-D3858BC1FC00}" dt="2019-09-26T10:15:33.575" v="63592"/>
          <ac:spMkLst>
            <pc:docMk/>
            <pc:sldMk cId="1279582212" sldId="257"/>
            <ac:spMk id="2113" creationId="{8C2250AD-9834-4846-9806-5D9344CD54AA}"/>
          </ac:spMkLst>
        </pc:spChg>
        <pc:spChg chg="add del mod modVis">
          <ac:chgData name="Manuel Lidauer" userId="b55e45dd-c6cc-461d-bef5-835fc172e678" providerId="ADAL" clId="{BCD0C6F6-2D95-4A66-B702-D3858BC1FC00}" dt="2019-09-26T10:15:33.575" v="63594"/>
          <ac:spMkLst>
            <pc:docMk/>
            <pc:sldMk cId="1279582212" sldId="257"/>
            <ac:spMk id="2114" creationId="{1FBE6FC9-382F-401B-A79D-2D5AF8A9A532}"/>
          </ac:spMkLst>
        </pc:spChg>
        <pc:spChg chg="add del mod modVis">
          <ac:chgData name="Manuel Lidauer" userId="b55e45dd-c6cc-461d-bef5-835fc172e678" providerId="ADAL" clId="{BCD0C6F6-2D95-4A66-B702-D3858BC1FC00}" dt="2019-09-26T10:15:33.575" v="63596"/>
          <ac:spMkLst>
            <pc:docMk/>
            <pc:sldMk cId="1279582212" sldId="257"/>
            <ac:spMk id="2115" creationId="{0BB12478-B107-47F3-9551-E291FC0247FA}"/>
          </ac:spMkLst>
        </pc:spChg>
        <pc:spChg chg="add del mod modVis">
          <ac:chgData name="Manuel Lidauer" userId="b55e45dd-c6cc-461d-bef5-835fc172e678" providerId="ADAL" clId="{BCD0C6F6-2D95-4A66-B702-D3858BC1FC00}" dt="2019-09-26T10:15:33.576" v="63597"/>
          <ac:spMkLst>
            <pc:docMk/>
            <pc:sldMk cId="1279582212" sldId="257"/>
            <ac:spMk id="2116" creationId="{748A2507-9FF6-4935-9D91-354EC0466E2C}"/>
          </ac:spMkLst>
        </pc:spChg>
        <pc:spChg chg="add del mod modVis">
          <ac:chgData name="Manuel Lidauer" userId="b55e45dd-c6cc-461d-bef5-835fc172e678" providerId="ADAL" clId="{BCD0C6F6-2D95-4A66-B702-D3858BC1FC00}" dt="2019-09-26T10:15:33.576" v="63599"/>
          <ac:spMkLst>
            <pc:docMk/>
            <pc:sldMk cId="1279582212" sldId="257"/>
            <ac:spMk id="2117" creationId="{60F7C36C-6BE9-418D-8FAD-56FB07CE25DA}"/>
          </ac:spMkLst>
        </pc:spChg>
        <pc:spChg chg="add del mod modVis">
          <ac:chgData name="Manuel Lidauer" userId="b55e45dd-c6cc-461d-bef5-835fc172e678" providerId="ADAL" clId="{BCD0C6F6-2D95-4A66-B702-D3858BC1FC00}" dt="2019-09-26T10:15:33.577" v="63601"/>
          <ac:spMkLst>
            <pc:docMk/>
            <pc:sldMk cId="1279582212" sldId="257"/>
            <ac:spMk id="2118" creationId="{57F7F8AA-1F0D-4A00-BE17-B1A4956C027B}"/>
          </ac:spMkLst>
        </pc:spChg>
        <pc:spChg chg="add del mod modVis">
          <ac:chgData name="Manuel Lidauer" userId="b55e45dd-c6cc-461d-bef5-835fc172e678" providerId="ADAL" clId="{BCD0C6F6-2D95-4A66-B702-D3858BC1FC00}" dt="2019-09-26T10:15:33.578" v="63603"/>
          <ac:spMkLst>
            <pc:docMk/>
            <pc:sldMk cId="1279582212" sldId="257"/>
            <ac:spMk id="2119" creationId="{7FEBA4D7-E4EF-4932-ABB8-019F7C5C182A}"/>
          </ac:spMkLst>
        </pc:spChg>
        <pc:spChg chg="add del mod modVis">
          <ac:chgData name="Manuel Lidauer" userId="b55e45dd-c6cc-461d-bef5-835fc172e678" providerId="ADAL" clId="{BCD0C6F6-2D95-4A66-B702-D3858BC1FC00}" dt="2019-09-26T10:15:33.578" v="63605"/>
          <ac:spMkLst>
            <pc:docMk/>
            <pc:sldMk cId="1279582212" sldId="257"/>
            <ac:spMk id="2120" creationId="{06C5D22B-D4ED-4090-AD4C-4283253B4168}"/>
          </ac:spMkLst>
        </pc:spChg>
        <pc:spChg chg="add del mod modVis">
          <ac:chgData name="Manuel Lidauer" userId="b55e45dd-c6cc-461d-bef5-835fc172e678" providerId="ADAL" clId="{BCD0C6F6-2D95-4A66-B702-D3858BC1FC00}" dt="2019-09-26T10:15:33.579" v="63607"/>
          <ac:spMkLst>
            <pc:docMk/>
            <pc:sldMk cId="1279582212" sldId="257"/>
            <ac:spMk id="2121" creationId="{9D241377-9C5C-4FB8-87FE-CD42146861EB}"/>
          </ac:spMkLst>
        </pc:spChg>
        <pc:spChg chg="add del mod modVis">
          <ac:chgData name="Manuel Lidauer" userId="b55e45dd-c6cc-461d-bef5-835fc172e678" providerId="ADAL" clId="{BCD0C6F6-2D95-4A66-B702-D3858BC1FC00}" dt="2019-09-26T10:15:33.580" v="63609"/>
          <ac:spMkLst>
            <pc:docMk/>
            <pc:sldMk cId="1279582212" sldId="257"/>
            <ac:spMk id="2122" creationId="{E7C038A2-218C-4728-8FA8-3A7BC6A88C26}"/>
          </ac:spMkLst>
        </pc:spChg>
        <pc:spChg chg="add del mod modVis">
          <ac:chgData name="Manuel Lidauer" userId="b55e45dd-c6cc-461d-bef5-835fc172e678" providerId="ADAL" clId="{BCD0C6F6-2D95-4A66-B702-D3858BC1FC00}" dt="2019-09-26T10:15:33.580" v="63611"/>
          <ac:spMkLst>
            <pc:docMk/>
            <pc:sldMk cId="1279582212" sldId="257"/>
            <ac:spMk id="2123" creationId="{E045D4A8-6762-4204-B2FE-DF8C31F5FEA2}"/>
          </ac:spMkLst>
        </pc:spChg>
        <pc:spChg chg="add del mod modVis">
          <ac:chgData name="Manuel Lidauer" userId="b55e45dd-c6cc-461d-bef5-835fc172e678" providerId="ADAL" clId="{BCD0C6F6-2D95-4A66-B702-D3858BC1FC00}" dt="2019-09-26T10:15:33.581" v="63612"/>
          <ac:spMkLst>
            <pc:docMk/>
            <pc:sldMk cId="1279582212" sldId="257"/>
            <ac:spMk id="2124" creationId="{70029FDA-50E6-4498-9F08-AB1B0A4E017A}"/>
          </ac:spMkLst>
        </pc:spChg>
        <pc:spChg chg="add del mod modVis">
          <ac:chgData name="Manuel Lidauer" userId="b55e45dd-c6cc-461d-bef5-835fc172e678" providerId="ADAL" clId="{BCD0C6F6-2D95-4A66-B702-D3858BC1FC00}" dt="2019-09-26T10:15:33.581" v="63614"/>
          <ac:spMkLst>
            <pc:docMk/>
            <pc:sldMk cId="1279582212" sldId="257"/>
            <ac:spMk id="2125" creationId="{2D9C0CB4-479B-4A84-8040-CE6FEA9D11A9}"/>
          </ac:spMkLst>
        </pc:spChg>
        <pc:spChg chg="add del mod modVis">
          <ac:chgData name="Manuel Lidauer" userId="b55e45dd-c6cc-461d-bef5-835fc172e678" providerId="ADAL" clId="{BCD0C6F6-2D95-4A66-B702-D3858BC1FC00}" dt="2019-09-26T10:15:33.582" v="63616"/>
          <ac:spMkLst>
            <pc:docMk/>
            <pc:sldMk cId="1279582212" sldId="257"/>
            <ac:spMk id="2126" creationId="{C4DC3668-3471-4097-A10D-5DD1FAFEBD91}"/>
          </ac:spMkLst>
        </pc:spChg>
        <pc:spChg chg="add del mod modVis">
          <ac:chgData name="Manuel Lidauer" userId="b55e45dd-c6cc-461d-bef5-835fc172e678" providerId="ADAL" clId="{BCD0C6F6-2D95-4A66-B702-D3858BC1FC00}" dt="2019-09-26T10:15:33.583" v="63618"/>
          <ac:spMkLst>
            <pc:docMk/>
            <pc:sldMk cId="1279582212" sldId="257"/>
            <ac:spMk id="2127" creationId="{B0AA862A-39ED-409D-A5B0-8CFEF6E3F7AF}"/>
          </ac:spMkLst>
        </pc:spChg>
        <pc:spChg chg="add del mod modVis">
          <ac:chgData name="Manuel Lidauer" userId="b55e45dd-c6cc-461d-bef5-835fc172e678" providerId="ADAL" clId="{BCD0C6F6-2D95-4A66-B702-D3858BC1FC00}" dt="2019-09-26T10:15:33.583" v="63620"/>
          <ac:spMkLst>
            <pc:docMk/>
            <pc:sldMk cId="1279582212" sldId="257"/>
            <ac:spMk id="2128" creationId="{5256ACF5-F9B0-4002-99FA-05B87CEF9F0C}"/>
          </ac:spMkLst>
        </pc:spChg>
        <pc:spChg chg="add del mod modVis">
          <ac:chgData name="Manuel Lidauer" userId="b55e45dd-c6cc-461d-bef5-835fc172e678" providerId="ADAL" clId="{BCD0C6F6-2D95-4A66-B702-D3858BC1FC00}" dt="2019-09-26T10:15:33.584" v="63622"/>
          <ac:spMkLst>
            <pc:docMk/>
            <pc:sldMk cId="1279582212" sldId="257"/>
            <ac:spMk id="2129" creationId="{CCC24664-A1A4-4339-9339-50C22F55FF21}"/>
          </ac:spMkLst>
        </pc:spChg>
        <pc:spChg chg="add del mod modVis">
          <ac:chgData name="Manuel Lidauer" userId="b55e45dd-c6cc-461d-bef5-835fc172e678" providerId="ADAL" clId="{BCD0C6F6-2D95-4A66-B702-D3858BC1FC00}" dt="2019-09-26T10:15:33.585" v="63624"/>
          <ac:spMkLst>
            <pc:docMk/>
            <pc:sldMk cId="1279582212" sldId="257"/>
            <ac:spMk id="2130" creationId="{663D18EB-EE4D-4993-97A1-43B0AE267057}"/>
          </ac:spMkLst>
        </pc:spChg>
        <pc:spChg chg="add del mod modVis">
          <ac:chgData name="Manuel Lidauer" userId="b55e45dd-c6cc-461d-bef5-835fc172e678" providerId="ADAL" clId="{BCD0C6F6-2D95-4A66-B702-D3858BC1FC00}" dt="2019-09-26T10:15:33.585" v="63626"/>
          <ac:spMkLst>
            <pc:docMk/>
            <pc:sldMk cId="1279582212" sldId="257"/>
            <ac:spMk id="2131" creationId="{9143D543-DB48-49C4-9AE0-1F67AC5487AE}"/>
          </ac:spMkLst>
        </pc:spChg>
        <pc:spChg chg="add del mod modVis">
          <ac:chgData name="Manuel Lidauer" userId="b55e45dd-c6cc-461d-bef5-835fc172e678" providerId="ADAL" clId="{BCD0C6F6-2D95-4A66-B702-D3858BC1FC00}" dt="2019-09-26T10:18:07.854" v="75695"/>
          <ac:spMkLst>
            <pc:docMk/>
            <pc:sldMk cId="1279582212" sldId="257"/>
            <ac:spMk id="2132" creationId="{C90C2CAE-A6AD-45F5-AAF9-12E491F19CB9}"/>
          </ac:spMkLst>
        </pc:spChg>
        <pc:spChg chg="add del mod modVis">
          <ac:chgData name="Manuel Lidauer" userId="b55e45dd-c6cc-461d-bef5-835fc172e678" providerId="ADAL" clId="{BCD0C6F6-2D95-4A66-B702-D3858BC1FC00}" dt="2019-09-26T10:18:07.855" v="75697"/>
          <ac:spMkLst>
            <pc:docMk/>
            <pc:sldMk cId="1279582212" sldId="257"/>
            <ac:spMk id="2133" creationId="{36A97F66-E386-4025-97A7-D611841E5044}"/>
          </ac:spMkLst>
        </pc:spChg>
        <pc:spChg chg="add del mod modVis">
          <ac:chgData name="Manuel Lidauer" userId="b55e45dd-c6cc-461d-bef5-835fc172e678" providerId="ADAL" clId="{BCD0C6F6-2D95-4A66-B702-D3858BC1FC00}" dt="2019-09-26T10:18:07.855" v="75698"/>
          <ac:spMkLst>
            <pc:docMk/>
            <pc:sldMk cId="1279582212" sldId="257"/>
            <ac:spMk id="2134" creationId="{009D6AD8-4447-49FF-9B53-C734CF860341}"/>
          </ac:spMkLst>
        </pc:spChg>
        <pc:spChg chg="add del mod modVis">
          <ac:chgData name="Manuel Lidauer" userId="b55e45dd-c6cc-461d-bef5-835fc172e678" providerId="ADAL" clId="{BCD0C6F6-2D95-4A66-B702-D3858BC1FC00}" dt="2019-09-26T10:18:07.856" v="75699"/>
          <ac:spMkLst>
            <pc:docMk/>
            <pc:sldMk cId="1279582212" sldId="257"/>
            <ac:spMk id="2135" creationId="{1017018D-BE83-41DF-96CC-169932B071ED}"/>
          </ac:spMkLst>
        </pc:spChg>
        <pc:spChg chg="add del mod modVis">
          <ac:chgData name="Manuel Lidauer" userId="b55e45dd-c6cc-461d-bef5-835fc172e678" providerId="ADAL" clId="{BCD0C6F6-2D95-4A66-B702-D3858BC1FC00}" dt="2019-09-26T10:18:07.856" v="75700"/>
          <ac:spMkLst>
            <pc:docMk/>
            <pc:sldMk cId="1279582212" sldId="257"/>
            <ac:spMk id="2136" creationId="{79685D3F-E148-48F9-A2F0-E4854B6ADFDB}"/>
          </ac:spMkLst>
        </pc:spChg>
        <pc:spChg chg="add del mod modVis">
          <ac:chgData name="Manuel Lidauer" userId="b55e45dd-c6cc-461d-bef5-835fc172e678" providerId="ADAL" clId="{BCD0C6F6-2D95-4A66-B702-D3858BC1FC00}" dt="2019-09-26T10:18:07.857" v="75702"/>
          <ac:spMkLst>
            <pc:docMk/>
            <pc:sldMk cId="1279582212" sldId="257"/>
            <ac:spMk id="2137" creationId="{51FB765B-C0D2-4085-80E8-57FC04B72223}"/>
          </ac:spMkLst>
        </pc:spChg>
        <pc:spChg chg="add del mod modVis">
          <ac:chgData name="Manuel Lidauer" userId="b55e45dd-c6cc-461d-bef5-835fc172e678" providerId="ADAL" clId="{BCD0C6F6-2D95-4A66-B702-D3858BC1FC00}" dt="2019-09-26T10:18:07.857" v="75704"/>
          <ac:spMkLst>
            <pc:docMk/>
            <pc:sldMk cId="1279582212" sldId="257"/>
            <ac:spMk id="2138" creationId="{EC268DBB-A1B2-4276-B0A3-459A20D72A63}"/>
          </ac:spMkLst>
        </pc:spChg>
        <pc:spChg chg="add del mod modVis">
          <ac:chgData name="Manuel Lidauer" userId="b55e45dd-c6cc-461d-bef5-835fc172e678" providerId="ADAL" clId="{BCD0C6F6-2D95-4A66-B702-D3858BC1FC00}" dt="2019-09-26T10:18:07.859" v="75708"/>
          <ac:spMkLst>
            <pc:docMk/>
            <pc:sldMk cId="1279582212" sldId="257"/>
            <ac:spMk id="2140" creationId="{FE11AA11-527B-4887-ABCC-BE6837BE61B6}"/>
          </ac:spMkLst>
        </pc:spChg>
        <pc:spChg chg="add del mod modVis">
          <ac:chgData name="Manuel Lidauer" userId="b55e45dd-c6cc-461d-bef5-835fc172e678" providerId="ADAL" clId="{BCD0C6F6-2D95-4A66-B702-D3858BC1FC00}" dt="2019-09-26T10:18:07.860" v="75712"/>
          <ac:spMkLst>
            <pc:docMk/>
            <pc:sldMk cId="1279582212" sldId="257"/>
            <ac:spMk id="2142" creationId="{506C256D-8788-47CC-8485-B074CB30F392}"/>
          </ac:spMkLst>
        </pc:spChg>
        <pc:spChg chg="add del mod modVis">
          <ac:chgData name="Manuel Lidauer" userId="b55e45dd-c6cc-461d-bef5-835fc172e678" providerId="ADAL" clId="{BCD0C6F6-2D95-4A66-B702-D3858BC1FC00}" dt="2019-09-26T10:18:07.862" v="75716"/>
          <ac:spMkLst>
            <pc:docMk/>
            <pc:sldMk cId="1279582212" sldId="257"/>
            <ac:spMk id="2144" creationId="{13C7D527-0D8D-49F5-8F76-E7C2B59DE347}"/>
          </ac:spMkLst>
        </pc:spChg>
        <pc:spChg chg="add del mod modVis">
          <ac:chgData name="Manuel Lidauer" userId="b55e45dd-c6cc-461d-bef5-835fc172e678" providerId="ADAL" clId="{BCD0C6F6-2D95-4A66-B702-D3858BC1FC00}" dt="2019-09-26T10:18:07.863" v="75720"/>
          <ac:spMkLst>
            <pc:docMk/>
            <pc:sldMk cId="1279582212" sldId="257"/>
            <ac:spMk id="2146" creationId="{C970143B-3044-48C7-9B70-E334FB869757}"/>
          </ac:spMkLst>
        </pc:spChg>
        <pc:spChg chg="add del mod modVis">
          <ac:chgData name="Manuel Lidauer" userId="b55e45dd-c6cc-461d-bef5-835fc172e678" providerId="ADAL" clId="{BCD0C6F6-2D95-4A66-B702-D3858BC1FC00}" dt="2019-09-26T10:18:07.864" v="75724"/>
          <ac:spMkLst>
            <pc:docMk/>
            <pc:sldMk cId="1279582212" sldId="257"/>
            <ac:spMk id="2148" creationId="{86347F57-1A95-4F59-88B4-45060D29AFDA}"/>
          </ac:spMkLst>
        </pc:spChg>
        <pc:spChg chg="add del mod modVis">
          <ac:chgData name="Manuel Lidauer" userId="b55e45dd-c6cc-461d-bef5-835fc172e678" providerId="ADAL" clId="{BCD0C6F6-2D95-4A66-B702-D3858BC1FC00}" dt="2019-09-26T10:18:07.865" v="75728"/>
          <ac:spMkLst>
            <pc:docMk/>
            <pc:sldMk cId="1279582212" sldId="257"/>
            <ac:spMk id="2150" creationId="{643615EB-77AB-457C-8FB3-B10152F02939}"/>
          </ac:spMkLst>
        </pc:spChg>
        <pc:spChg chg="add del mod modVis">
          <ac:chgData name="Manuel Lidauer" userId="b55e45dd-c6cc-461d-bef5-835fc172e678" providerId="ADAL" clId="{BCD0C6F6-2D95-4A66-B702-D3858BC1FC00}" dt="2019-09-26T10:18:07.867" v="75732"/>
          <ac:spMkLst>
            <pc:docMk/>
            <pc:sldMk cId="1279582212" sldId="257"/>
            <ac:spMk id="2152" creationId="{F39AA079-0A14-4785-ABB6-1375F50760E4}"/>
          </ac:spMkLst>
        </pc:spChg>
        <pc:spChg chg="add del mod modVis">
          <ac:chgData name="Manuel Lidauer" userId="b55e45dd-c6cc-461d-bef5-835fc172e678" providerId="ADAL" clId="{BCD0C6F6-2D95-4A66-B702-D3858BC1FC00}" dt="2019-09-26T10:18:07.868" v="75736"/>
          <ac:spMkLst>
            <pc:docMk/>
            <pc:sldMk cId="1279582212" sldId="257"/>
            <ac:spMk id="2154" creationId="{E4650E5E-C93C-4A84-AB4C-724956AD3FCD}"/>
          </ac:spMkLst>
        </pc:spChg>
        <pc:spChg chg="add del mod modVis">
          <ac:chgData name="Manuel Lidauer" userId="b55e45dd-c6cc-461d-bef5-835fc172e678" providerId="ADAL" clId="{BCD0C6F6-2D95-4A66-B702-D3858BC1FC00}" dt="2019-09-26T10:18:07.870" v="75738"/>
          <ac:spMkLst>
            <pc:docMk/>
            <pc:sldMk cId="1279582212" sldId="257"/>
            <ac:spMk id="2195" creationId="{894D44E0-8364-4FE5-88C1-32759FCF1D2E}"/>
          </ac:spMkLst>
        </pc:spChg>
        <pc:spChg chg="add del mod modVis">
          <ac:chgData name="Manuel Lidauer" userId="b55e45dd-c6cc-461d-bef5-835fc172e678" providerId="ADAL" clId="{BCD0C6F6-2D95-4A66-B702-D3858BC1FC00}" dt="2019-09-26T10:18:07.870" v="75740"/>
          <ac:spMkLst>
            <pc:docMk/>
            <pc:sldMk cId="1279582212" sldId="257"/>
            <ac:spMk id="2196" creationId="{64B358D8-94D7-48DB-85E0-E958C815B397}"/>
          </ac:spMkLst>
        </pc:spChg>
        <pc:spChg chg="add del mod modVis">
          <ac:chgData name="Manuel Lidauer" userId="b55e45dd-c6cc-461d-bef5-835fc172e678" providerId="ADAL" clId="{BCD0C6F6-2D95-4A66-B702-D3858BC1FC00}" dt="2019-09-26T10:18:07.871" v="75741"/>
          <ac:spMkLst>
            <pc:docMk/>
            <pc:sldMk cId="1279582212" sldId="257"/>
            <ac:spMk id="2197" creationId="{0BAA49A4-1E1F-4683-93F8-DEFC2F8BE850}"/>
          </ac:spMkLst>
        </pc:spChg>
        <pc:spChg chg="add del mod modVis">
          <ac:chgData name="Manuel Lidauer" userId="b55e45dd-c6cc-461d-bef5-835fc172e678" providerId="ADAL" clId="{BCD0C6F6-2D95-4A66-B702-D3858BC1FC00}" dt="2019-09-26T10:18:07.871" v="75743"/>
          <ac:spMkLst>
            <pc:docMk/>
            <pc:sldMk cId="1279582212" sldId="257"/>
            <ac:spMk id="2198" creationId="{2F2E7542-70AA-4338-9ED1-D0CD0D8D8846}"/>
          </ac:spMkLst>
        </pc:spChg>
        <pc:spChg chg="add del mod modVis">
          <ac:chgData name="Manuel Lidauer" userId="b55e45dd-c6cc-461d-bef5-835fc172e678" providerId="ADAL" clId="{BCD0C6F6-2D95-4A66-B702-D3858BC1FC00}" dt="2019-09-26T10:18:07.872" v="75745"/>
          <ac:spMkLst>
            <pc:docMk/>
            <pc:sldMk cId="1279582212" sldId="257"/>
            <ac:spMk id="2199" creationId="{BC6FFFC6-D1FF-41D2-9FD1-99F83E7F2287}"/>
          </ac:spMkLst>
        </pc:spChg>
        <pc:spChg chg="add del mod modVis">
          <ac:chgData name="Manuel Lidauer" userId="b55e45dd-c6cc-461d-bef5-835fc172e678" providerId="ADAL" clId="{BCD0C6F6-2D95-4A66-B702-D3858BC1FC00}" dt="2019-09-26T10:18:07.872" v="75746"/>
          <ac:spMkLst>
            <pc:docMk/>
            <pc:sldMk cId="1279582212" sldId="257"/>
            <ac:spMk id="2200" creationId="{7DBADE2A-0A15-4E86-829A-7478C844DC4C}"/>
          </ac:spMkLst>
        </pc:spChg>
        <pc:spChg chg="add del mod modVis">
          <ac:chgData name="Manuel Lidauer" userId="b55e45dd-c6cc-461d-bef5-835fc172e678" providerId="ADAL" clId="{BCD0C6F6-2D95-4A66-B702-D3858BC1FC00}" dt="2019-09-26T10:18:07.873" v="75748"/>
          <ac:spMkLst>
            <pc:docMk/>
            <pc:sldMk cId="1279582212" sldId="257"/>
            <ac:spMk id="2201" creationId="{DDE67BDE-1F8C-4B90-B5CC-267560AFBCED}"/>
          </ac:spMkLst>
        </pc:spChg>
        <pc:spChg chg="add del mod modVis">
          <ac:chgData name="Manuel Lidauer" userId="b55e45dd-c6cc-461d-bef5-835fc172e678" providerId="ADAL" clId="{BCD0C6F6-2D95-4A66-B702-D3858BC1FC00}" dt="2019-09-26T10:18:07.873" v="75750"/>
          <ac:spMkLst>
            <pc:docMk/>
            <pc:sldMk cId="1279582212" sldId="257"/>
            <ac:spMk id="2202" creationId="{C052B9BF-EA2B-41D5-808C-C40B0E4C7836}"/>
          </ac:spMkLst>
        </pc:spChg>
        <pc:spChg chg="add del mod modVis">
          <ac:chgData name="Manuel Lidauer" userId="b55e45dd-c6cc-461d-bef5-835fc172e678" providerId="ADAL" clId="{BCD0C6F6-2D95-4A66-B702-D3858BC1FC00}" dt="2019-09-26T10:18:07.874" v="75751"/>
          <ac:spMkLst>
            <pc:docMk/>
            <pc:sldMk cId="1279582212" sldId="257"/>
            <ac:spMk id="2203" creationId="{6798BF2D-2A4D-4D3B-A6EE-06E1155831D1}"/>
          </ac:spMkLst>
        </pc:spChg>
        <pc:spChg chg="add del mod modVis">
          <ac:chgData name="Manuel Lidauer" userId="b55e45dd-c6cc-461d-bef5-835fc172e678" providerId="ADAL" clId="{BCD0C6F6-2D95-4A66-B702-D3858BC1FC00}" dt="2019-09-26T10:18:07.875" v="75753"/>
          <ac:spMkLst>
            <pc:docMk/>
            <pc:sldMk cId="1279582212" sldId="257"/>
            <ac:spMk id="2204" creationId="{4916B0D2-3556-424A-A3C4-1FFAE1F25F61}"/>
          </ac:spMkLst>
        </pc:spChg>
        <pc:spChg chg="add del mod modVis">
          <ac:chgData name="Manuel Lidauer" userId="b55e45dd-c6cc-461d-bef5-835fc172e678" providerId="ADAL" clId="{BCD0C6F6-2D95-4A66-B702-D3858BC1FC00}" dt="2019-09-26T10:18:07.875" v="75755"/>
          <ac:spMkLst>
            <pc:docMk/>
            <pc:sldMk cId="1279582212" sldId="257"/>
            <ac:spMk id="2205" creationId="{0B467316-8A9F-4EB9-8004-A97BF96A6A45}"/>
          </ac:spMkLst>
        </pc:spChg>
        <pc:spChg chg="add del mod modVis">
          <ac:chgData name="Manuel Lidauer" userId="b55e45dd-c6cc-461d-bef5-835fc172e678" providerId="ADAL" clId="{BCD0C6F6-2D95-4A66-B702-D3858BC1FC00}" dt="2019-09-26T10:18:07.876" v="75756"/>
          <ac:spMkLst>
            <pc:docMk/>
            <pc:sldMk cId="1279582212" sldId="257"/>
            <ac:spMk id="2206" creationId="{9FD12BCA-6A9E-4951-BAC5-EF185A5A73AF}"/>
          </ac:spMkLst>
        </pc:spChg>
        <pc:spChg chg="add del mod modVis">
          <ac:chgData name="Manuel Lidauer" userId="b55e45dd-c6cc-461d-bef5-835fc172e678" providerId="ADAL" clId="{BCD0C6F6-2D95-4A66-B702-D3858BC1FC00}" dt="2019-09-26T10:18:07.876" v="75758"/>
          <ac:spMkLst>
            <pc:docMk/>
            <pc:sldMk cId="1279582212" sldId="257"/>
            <ac:spMk id="2207" creationId="{00CA1496-9538-47A8-AF39-E461D9CA226C}"/>
          </ac:spMkLst>
        </pc:spChg>
        <pc:spChg chg="add del mod modVis">
          <ac:chgData name="Manuel Lidauer" userId="b55e45dd-c6cc-461d-bef5-835fc172e678" providerId="ADAL" clId="{BCD0C6F6-2D95-4A66-B702-D3858BC1FC00}" dt="2019-09-26T10:18:07.877" v="75760"/>
          <ac:spMkLst>
            <pc:docMk/>
            <pc:sldMk cId="1279582212" sldId="257"/>
            <ac:spMk id="2208" creationId="{88F39B1F-09DE-4D26-B05F-D0892D1C671A}"/>
          </ac:spMkLst>
        </pc:spChg>
        <pc:spChg chg="add del mod modVis">
          <ac:chgData name="Manuel Lidauer" userId="b55e45dd-c6cc-461d-bef5-835fc172e678" providerId="ADAL" clId="{BCD0C6F6-2D95-4A66-B702-D3858BC1FC00}" dt="2019-09-26T10:18:07.877" v="75761"/>
          <ac:spMkLst>
            <pc:docMk/>
            <pc:sldMk cId="1279582212" sldId="257"/>
            <ac:spMk id="2209" creationId="{29FCA2C7-4E1C-4BD5-8CFC-697ED98C4368}"/>
          </ac:spMkLst>
        </pc:spChg>
        <pc:spChg chg="add del mod modVis">
          <ac:chgData name="Manuel Lidauer" userId="b55e45dd-c6cc-461d-bef5-835fc172e678" providerId="ADAL" clId="{BCD0C6F6-2D95-4A66-B702-D3858BC1FC00}" dt="2019-09-26T10:18:07.878" v="75763"/>
          <ac:spMkLst>
            <pc:docMk/>
            <pc:sldMk cId="1279582212" sldId="257"/>
            <ac:spMk id="2210" creationId="{4C3F5453-62EE-4FBD-9C8B-EFC0EEC38C8E}"/>
          </ac:spMkLst>
        </pc:spChg>
        <pc:spChg chg="add del mod modVis">
          <ac:chgData name="Manuel Lidauer" userId="b55e45dd-c6cc-461d-bef5-835fc172e678" providerId="ADAL" clId="{BCD0C6F6-2D95-4A66-B702-D3858BC1FC00}" dt="2019-09-26T10:18:07.879" v="75765"/>
          <ac:spMkLst>
            <pc:docMk/>
            <pc:sldMk cId="1279582212" sldId="257"/>
            <ac:spMk id="2211" creationId="{D62A363E-A42A-4F39-94EB-96AFC64E5B64}"/>
          </ac:spMkLst>
        </pc:spChg>
        <pc:spChg chg="add del mod modVis">
          <ac:chgData name="Manuel Lidauer" userId="b55e45dd-c6cc-461d-bef5-835fc172e678" providerId="ADAL" clId="{BCD0C6F6-2D95-4A66-B702-D3858BC1FC00}" dt="2019-09-26T10:18:07.879" v="75766"/>
          <ac:spMkLst>
            <pc:docMk/>
            <pc:sldMk cId="1279582212" sldId="257"/>
            <ac:spMk id="2212" creationId="{667384CA-7305-4D77-89D7-381595340874}"/>
          </ac:spMkLst>
        </pc:spChg>
        <pc:spChg chg="add del mod modVis">
          <ac:chgData name="Manuel Lidauer" userId="b55e45dd-c6cc-461d-bef5-835fc172e678" providerId="ADAL" clId="{BCD0C6F6-2D95-4A66-B702-D3858BC1FC00}" dt="2019-09-26T10:18:07.879" v="75767"/>
          <ac:spMkLst>
            <pc:docMk/>
            <pc:sldMk cId="1279582212" sldId="257"/>
            <ac:spMk id="2213" creationId="{11A48B51-13C3-41A8-B911-63E5133D20C4}"/>
          </ac:spMkLst>
        </pc:spChg>
        <pc:spChg chg="add del mod modVis">
          <ac:chgData name="Manuel Lidauer" userId="b55e45dd-c6cc-461d-bef5-835fc172e678" providerId="ADAL" clId="{BCD0C6F6-2D95-4A66-B702-D3858BC1FC00}" dt="2019-09-26T10:18:07.880" v="75769"/>
          <ac:spMkLst>
            <pc:docMk/>
            <pc:sldMk cId="1279582212" sldId="257"/>
            <ac:spMk id="2214" creationId="{C5292254-D1E4-4BC6-BDE9-80852BA2C7C3}"/>
          </ac:spMkLst>
        </pc:spChg>
        <pc:spChg chg="add del mod modVis">
          <ac:chgData name="Manuel Lidauer" userId="b55e45dd-c6cc-461d-bef5-835fc172e678" providerId="ADAL" clId="{BCD0C6F6-2D95-4A66-B702-D3858BC1FC00}" dt="2019-09-26T10:18:07.881" v="75771"/>
          <ac:spMkLst>
            <pc:docMk/>
            <pc:sldMk cId="1279582212" sldId="257"/>
            <ac:spMk id="2215" creationId="{051413F1-6936-42CB-B3F0-3A40E49D7731}"/>
          </ac:spMkLst>
        </pc:spChg>
        <pc:spChg chg="add del mod modVis">
          <ac:chgData name="Manuel Lidauer" userId="b55e45dd-c6cc-461d-bef5-835fc172e678" providerId="ADAL" clId="{BCD0C6F6-2D95-4A66-B702-D3858BC1FC00}" dt="2019-09-26T10:18:07.881" v="75773"/>
          <ac:spMkLst>
            <pc:docMk/>
            <pc:sldMk cId="1279582212" sldId="257"/>
            <ac:spMk id="2216" creationId="{42799E40-8845-4AF1-8C11-E84CEF860213}"/>
          </ac:spMkLst>
        </pc:spChg>
        <pc:spChg chg="add del mod modVis">
          <ac:chgData name="Manuel Lidauer" userId="b55e45dd-c6cc-461d-bef5-835fc172e678" providerId="ADAL" clId="{BCD0C6F6-2D95-4A66-B702-D3858BC1FC00}" dt="2019-09-26T10:18:07.882" v="75775"/>
          <ac:spMkLst>
            <pc:docMk/>
            <pc:sldMk cId="1279582212" sldId="257"/>
            <ac:spMk id="2217" creationId="{8EC81530-7A19-4462-8E69-B1DD89D9146C}"/>
          </ac:spMkLst>
        </pc:spChg>
        <pc:spChg chg="add del mod modVis">
          <ac:chgData name="Manuel Lidauer" userId="b55e45dd-c6cc-461d-bef5-835fc172e678" providerId="ADAL" clId="{BCD0C6F6-2D95-4A66-B702-D3858BC1FC00}" dt="2019-09-26T10:18:07.883" v="75777"/>
          <ac:spMkLst>
            <pc:docMk/>
            <pc:sldMk cId="1279582212" sldId="257"/>
            <ac:spMk id="2218" creationId="{93BAF6B4-E3B3-404C-B2F2-A7C19B18DC55}"/>
          </ac:spMkLst>
        </pc:spChg>
        <pc:spChg chg="add del mod modVis">
          <ac:chgData name="Manuel Lidauer" userId="b55e45dd-c6cc-461d-bef5-835fc172e678" providerId="ADAL" clId="{BCD0C6F6-2D95-4A66-B702-D3858BC1FC00}" dt="2019-09-26T10:18:07.883" v="75779"/>
          <ac:spMkLst>
            <pc:docMk/>
            <pc:sldMk cId="1279582212" sldId="257"/>
            <ac:spMk id="2219" creationId="{4D856888-088D-448A-9982-3B77FDAE3069}"/>
          </ac:spMkLst>
        </pc:spChg>
        <pc:spChg chg="add del mod modVis">
          <ac:chgData name="Manuel Lidauer" userId="b55e45dd-c6cc-461d-bef5-835fc172e678" providerId="ADAL" clId="{BCD0C6F6-2D95-4A66-B702-D3858BC1FC00}" dt="2019-09-26T10:18:07.884" v="75781"/>
          <ac:spMkLst>
            <pc:docMk/>
            <pc:sldMk cId="1279582212" sldId="257"/>
            <ac:spMk id="2220" creationId="{ED9FEEFD-035D-4109-B6BB-FEF50DF9D5B0}"/>
          </ac:spMkLst>
        </pc:spChg>
        <pc:spChg chg="add del mod modVis">
          <ac:chgData name="Manuel Lidauer" userId="b55e45dd-c6cc-461d-bef5-835fc172e678" providerId="ADAL" clId="{BCD0C6F6-2D95-4A66-B702-D3858BC1FC00}" dt="2019-09-26T10:18:07.884" v="75782"/>
          <ac:spMkLst>
            <pc:docMk/>
            <pc:sldMk cId="1279582212" sldId="257"/>
            <ac:spMk id="2221" creationId="{0ABA2CFE-7000-4CEE-B628-334C101FBB58}"/>
          </ac:spMkLst>
        </pc:spChg>
        <pc:spChg chg="add del mod modVis">
          <ac:chgData name="Manuel Lidauer" userId="b55e45dd-c6cc-461d-bef5-835fc172e678" providerId="ADAL" clId="{BCD0C6F6-2D95-4A66-B702-D3858BC1FC00}" dt="2019-09-26T10:18:07.885" v="75784"/>
          <ac:spMkLst>
            <pc:docMk/>
            <pc:sldMk cId="1279582212" sldId="257"/>
            <ac:spMk id="2222" creationId="{0F2956FB-111C-48BF-B0FD-300FD3F7C64B}"/>
          </ac:spMkLst>
        </pc:spChg>
        <pc:spChg chg="add del mod modVis">
          <ac:chgData name="Manuel Lidauer" userId="b55e45dd-c6cc-461d-bef5-835fc172e678" providerId="ADAL" clId="{BCD0C6F6-2D95-4A66-B702-D3858BC1FC00}" dt="2019-09-26T10:18:07.886" v="75786"/>
          <ac:spMkLst>
            <pc:docMk/>
            <pc:sldMk cId="1279582212" sldId="257"/>
            <ac:spMk id="2223" creationId="{8299F42C-6229-4AD9-BDE0-00A9BE70CC2D}"/>
          </ac:spMkLst>
        </pc:spChg>
        <pc:spChg chg="add del mod modVis">
          <ac:chgData name="Manuel Lidauer" userId="b55e45dd-c6cc-461d-bef5-835fc172e678" providerId="ADAL" clId="{BCD0C6F6-2D95-4A66-B702-D3858BC1FC00}" dt="2019-09-26T10:18:07.886" v="75788"/>
          <ac:spMkLst>
            <pc:docMk/>
            <pc:sldMk cId="1279582212" sldId="257"/>
            <ac:spMk id="2224" creationId="{A1C9F6BD-FE1C-4F05-8324-EA51173A605B}"/>
          </ac:spMkLst>
        </pc:spChg>
        <pc:spChg chg="add del mod modVis">
          <ac:chgData name="Manuel Lidauer" userId="b55e45dd-c6cc-461d-bef5-835fc172e678" providerId="ADAL" clId="{BCD0C6F6-2D95-4A66-B702-D3858BC1FC00}" dt="2019-09-26T10:18:07.888" v="75790"/>
          <ac:spMkLst>
            <pc:docMk/>
            <pc:sldMk cId="1279582212" sldId="257"/>
            <ac:spMk id="2225" creationId="{8DDB63B5-09F1-4B7B-8204-D36D9CEBE92C}"/>
          </ac:spMkLst>
        </pc:spChg>
        <pc:spChg chg="add del mod modVis">
          <ac:chgData name="Manuel Lidauer" userId="b55e45dd-c6cc-461d-bef5-835fc172e678" providerId="ADAL" clId="{BCD0C6F6-2D95-4A66-B702-D3858BC1FC00}" dt="2019-09-26T10:18:07.889" v="75792"/>
          <ac:spMkLst>
            <pc:docMk/>
            <pc:sldMk cId="1279582212" sldId="257"/>
            <ac:spMk id="2226" creationId="{B85E83DE-2988-4DB2-95C8-FE94E0754AC2}"/>
          </ac:spMkLst>
        </pc:spChg>
        <pc:spChg chg="add del mod modVis">
          <ac:chgData name="Manuel Lidauer" userId="b55e45dd-c6cc-461d-bef5-835fc172e678" providerId="ADAL" clId="{BCD0C6F6-2D95-4A66-B702-D3858BC1FC00}" dt="2019-09-26T10:18:07.889" v="75794"/>
          <ac:spMkLst>
            <pc:docMk/>
            <pc:sldMk cId="1279582212" sldId="257"/>
            <ac:spMk id="2227" creationId="{BE52D7DE-81FF-45E3-8977-177EFCEE4927}"/>
          </ac:spMkLst>
        </pc:spChg>
        <pc:spChg chg="add del mod modVis">
          <ac:chgData name="Manuel Lidauer" userId="b55e45dd-c6cc-461d-bef5-835fc172e678" providerId="ADAL" clId="{BCD0C6F6-2D95-4A66-B702-D3858BC1FC00}" dt="2019-09-26T10:18:07.890" v="75796"/>
          <ac:spMkLst>
            <pc:docMk/>
            <pc:sldMk cId="1279582212" sldId="257"/>
            <ac:spMk id="2228" creationId="{27647B4A-1FC9-42BA-BE15-FAEFC9F07D1A}"/>
          </ac:spMkLst>
        </pc:spChg>
        <pc:spChg chg="add del mod modVis">
          <ac:chgData name="Manuel Lidauer" userId="b55e45dd-c6cc-461d-bef5-835fc172e678" providerId="ADAL" clId="{BCD0C6F6-2D95-4A66-B702-D3858BC1FC00}" dt="2019-09-26T10:18:07.890" v="75797"/>
          <ac:spMkLst>
            <pc:docMk/>
            <pc:sldMk cId="1279582212" sldId="257"/>
            <ac:spMk id="2229" creationId="{E98C7E29-C0EC-4552-A901-EF43306F72EE}"/>
          </ac:spMkLst>
        </pc:spChg>
        <pc:spChg chg="add del mod modVis">
          <ac:chgData name="Manuel Lidauer" userId="b55e45dd-c6cc-461d-bef5-835fc172e678" providerId="ADAL" clId="{BCD0C6F6-2D95-4A66-B702-D3858BC1FC00}" dt="2019-09-26T10:18:07.891" v="75799"/>
          <ac:spMkLst>
            <pc:docMk/>
            <pc:sldMk cId="1279582212" sldId="257"/>
            <ac:spMk id="2230" creationId="{A3CC39C1-48A5-416A-A8F7-C432EE739B8B}"/>
          </ac:spMkLst>
        </pc:spChg>
        <pc:spChg chg="add del mod modVis">
          <ac:chgData name="Manuel Lidauer" userId="b55e45dd-c6cc-461d-bef5-835fc172e678" providerId="ADAL" clId="{BCD0C6F6-2D95-4A66-B702-D3858BC1FC00}" dt="2019-09-26T10:18:07.891" v="75801"/>
          <ac:spMkLst>
            <pc:docMk/>
            <pc:sldMk cId="1279582212" sldId="257"/>
            <ac:spMk id="2231" creationId="{76A1E34B-6476-47E5-AA61-B6F88696B303}"/>
          </ac:spMkLst>
        </pc:spChg>
        <pc:spChg chg="add del mod modVis">
          <ac:chgData name="Manuel Lidauer" userId="b55e45dd-c6cc-461d-bef5-835fc172e678" providerId="ADAL" clId="{BCD0C6F6-2D95-4A66-B702-D3858BC1FC00}" dt="2019-09-26T10:18:07.892" v="75803"/>
          <ac:spMkLst>
            <pc:docMk/>
            <pc:sldMk cId="1279582212" sldId="257"/>
            <ac:spMk id="2232" creationId="{92DF712F-FECD-4275-B7CD-CECB66CA1AC9}"/>
          </ac:spMkLst>
        </pc:spChg>
        <pc:spChg chg="add del mod modVis">
          <ac:chgData name="Manuel Lidauer" userId="b55e45dd-c6cc-461d-bef5-835fc172e678" providerId="ADAL" clId="{BCD0C6F6-2D95-4A66-B702-D3858BC1FC00}" dt="2019-09-26T10:18:07.893" v="75805"/>
          <ac:spMkLst>
            <pc:docMk/>
            <pc:sldMk cId="1279582212" sldId="257"/>
            <ac:spMk id="2233" creationId="{B3187B1A-0D72-4703-860F-F868739C15C1}"/>
          </ac:spMkLst>
        </pc:spChg>
        <pc:spChg chg="add del mod modVis">
          <ac:chgData name="Manuel Lidauer" userId="b55e45dd-c6cc-461d-bef5-835fc172e678" providerId="ADAL" clId="{BCD0C6F6-2D95-4A66-B702-D3858BC1FC00}" dt="2019-09-26T10:18:07.894" v="75807"/>
          <ac:spMkLst>
            <pc:docMk/>
            <pc:sldMk cId="1279582212" sldId="257"/>
            <ac:spMk id="2234" creationId="{6886B868-3F03-46D6-A7E9-EF42738543F6}"/>
          </ac:spMkLst>
        </pc:spChg>
        <pc:spChg chg="add del mod modVis">
          <ac:chgData name="Manuel Lidauer" userId="b55e45dd-c6cc-461d-bef5-835fc172e678" providerId="ADAL" clId="{BCD0C6F6-2D95-4A66-B702-D3858BC1FC00}" dt="2019-09-26T10:18:07.894" v="75809"/>
          <ac:spMkLst>
            <pc:docMk/>
            <pc:sldMk cId="1279582212" sldId="257"/>
            <ac:spMk id="2235" creationId="{55E63773-CCAA-4772-B44B-E0178A2E0EDF}"/>
          </ac:spMkLst>
        </pc:spChg>
        <pc:spChg chg="add del mod modVis">
          <ac:chgData name="Manuel Lidauer" userId="b55e45dd-c6cc-461d-bef5-835fc172e678" providerId="ADAL" clId="{BCD0C6F6-2D95-4A66-B702-D3858BC1FC00}" dt="2019-09-26T10:18:07.895" v="75811"/>
          <ac:spMkLst>
            <pc:docMk/>
            <pc:sldMk cId="1279582212" sldId="257"/>
            <ac:spMk id="2236" creationId="{96720C7E-2E37-4BB3-928C-CD81F39904FC}"/>
          </ac:spMkLst>
        </pc:spChg>
        <pc:spChg chg="add del mod modVis">
          <ac:chgData name="Manuel Lidauer" userId="b55e45dd-c6cc-461d-bef5-835fc172e678" providerId="ADAL" clId="{BCD0C6F6-2D95-4A66-B702-D3858BC1FC00}" dt="2019-09-26T10:18:07.895" v="75812"/>
          <ac:spMkLst>
            <pc:docMk/>
            <pc:sldMk cId="1279582212" sldId="257"/>
            <ac:spMk id="2237" creationId="{995505A4-D211-4233-853E-40AA950AAEDE}"/>
          </ac:spMkLst>
        </pc:spChg>
        <pc:spChg chg="add del mod modVis">
          <ac:chgData name="Manuel Lidauer" userId="b55e45dd-c6cc-461d-bef5-835fc172e678" providerId="ADAL" clId="{BCD0C6F6-2D95-4A66-B702-D3858BC1FC00}" dt="2019-09-26T10:18:07.896" v="75814"/>
          <ac:spMkLst>
            <pc:docMk/>
            <pc:sldMk cId="1279582212" sldId="257"/>
            <ac:spMk id="2238" creationId="{9CE8432D-FFBD-48BC-9394-500CC691D20E}"/>
          </ac:spMkLst>
        </pc:spChg>
        <pc:spChg chg="add del mod modVis">
          <ac:chgData name="Manuel Lidauer" userId="b55e45dd-c6cc-461d-bef5-835fc172e678" providerId="ADAL" clId="{BCD0C6F6-2D95-4A66-B702-D3858BC1FC00}" dt="2019-09-26T10:18:07.896" v="75816"/>
          <ac:spMkLst>
            <pc:docMk/>
            <pc:sldMk cId="1279582212" sldId="257"/>
            <ac:spMk id="2239" creationId="{1E87051D-57E6-404E-B0A0-25CBA9C30292}"/>
          </ac:spMkLst>
        </pc:spChg>
        <pc:spChg chg="add del mod modVis">
          <ac:chgData name="Manuel Lidauer" userId="b55e45dd-c6cc-461d-bef5-835fc172e678" providerId="ADAL" clId="{BCD0C6F6-2D95-4A66-B702-D3858BC1FC00}" dt="2019-09-26T10:18:07.897" v="75818"/>
          <ac:spMkLst>
            <pc:docMk/>
            <pc:sldMk cId="1279582212" sldId="257"/>
            <ac:spMk id="2240" creationId="{33F11FFF-AF51-4AC1-B001-CDF5C515E817}"/>
          </ac:spMkLst>
        </pc:spChg>
        <pc:spChg chg="add del mod modVis">
          <ac:chgData name="Manuel Lidauer" userId="b55e45dd-c6cc-461d-bef5-835fc172e678" providerId="ADAL" clId="{BCD0C6F6-2D95-4A66-B702-D3858BC1FC00}" dt="2019-09-26T10:18:07.898" v="75820"/>
          <ac:spMkLst>
            <pc:docMk/>
            <pc:sldMk cId="1279582212" sldId="257"/>
            <ac:spMk id="2241" creationId="{F84DA484-E2FB-49D4-981F-4CD5DAFD4271}"/>
          </ac:spMkLst>
        </pc:spChg>
        <pc:spChg chg="add del mod modVis">
          <ac:chgData name="Manuel Lidauer" userId="b55e45dd-c6cc-461d-bef5-835fc172e678" providerId="ADAL" clId="{BCD0C6F6-2D95-4A66-B702-D3858BC1FC00}" dt="2019-09-26T10:18:07.898" v="75822"/>
          <ac:spMkLst>
            <pc:docMk/>
            <pc:sldMk cId="1279582212" sldId="257"/>
            <ac:spMk id="2242" creationId="{A670E931-A755-4A3E-AFD2-2DD8FBCA3ACC}"/>
          </ac:spMkLst>
        </pc:spChg>
        <pc:spChg chg="add del mod modVis">
          <ac:chgData name="Manuel Lidauer" userId="b55e45dd-c6cc-461d-bef5-835fc172e678" providerId="ADAL" clId="{BCD0C6F6-2D95-4A66-B702-D3858BC1FC00}" dt="2019-09-26T10:18:07.899" v="75824"/>
          <ac:spMkLst>
            <pc:docMk/>
            <pc:sldMk cId="1279582212" sldId="257"/>
            <ac:spMk id="2243" creationId="{88BCCBB2-985A-415D-9BD7-2D502FD75DFC}"/>
          </ac:spMkLst>
        </pc:spChg>
        <pc:spChg chg="add del mod modVis">
          <ac:chgData name="Manuel Lidauer" userId="b55e45dd-c6cc-461d-bef5-835fc172e678" providerId="ADAL" clId="{BCD0C6F6-2D95-4A66-B702-D3858BC1FC00}" dt="2019-09-26T10:18:07.900" v="75826"/>
          <ac:spMkLst>
            <pc:docMk/>
            <pc:sldMk cId="1279582212" sldId="257"/>
            <ac:spMk id="2244" creationId="{3934FE73-ACDA-49BE-9889-9DD7BAD91432}"/>
          </ac:spMkLst>
        </pc:spChg>
        <pc:spChg chg="add del mod modVis">
          <ac:chgData name="Manuel Lidauer" userId="b55e45dd-c6cc-461d-bef5-835fc172e678" providerId="ADAL" clId="{BCD0C6F6-2D95-4A66-B702-D3858BC1FC00}" dt="2019-09-26T10:18:07.900" v="75827"/>
          <ac:spMkLst>
            <pc:docMk/>
            <pc:sldMk cId="1279582212" sldId="257"/>
            <ac:spMk id="2245" creationId="{233F6731-315A-49DD-BC3F-459D3DF5E78E}"/>
          </ac:spMkLst>
        </pc:spChg>
        <pc:spChg chg="add del mod modVis">
          <ac:chgData name="Manuel Lidauer" userId="b55e45dd-c6cc-461d-bef5-835fc172e678" providerId="ADAL" clId="{BCD0C6F6-2D95-4A66-B702-D3858BC1FC00}" dt="2019-09-26T10:18:07.901" v="75829"/>
          <ac:spMkLst>
            <pc:docMk/>
            <pc:sldMk cId="1279582212" sldId="257"/>
            <ac:spMk id="2246" creationId="{F25115F8-10F4-42A4-B13C-121BC638165A}"/>
          </ac:spMkLst>
        </pc:spChg>
        <pc:spChg chg="add del mod modVis">
          <ac:chgData name="Manuel Lidauer" userId="b55e45dd-c6cc-461d-bef5-835fc172e678" providerId="ADAL" clId="{BCD0C6F6-2D95-4A66-B702-D3858BC1FC00}" dt="2019-09-26T10:18:07.902" v="75831"/>
          <ac:spMkLst>
            <pc:docMk/>
            <pc:sldMk cId="1279582212" sldId="257"/>
            <ac:spMk id="2247" creationId="{E54695C3-5A62-49B9-9603-B46B9A885E38}"/>
          </ac:spMkLst>
        </pc:spChg>
        <pc:spChg chg="add del mod modVis">
          <ac:chgData name="Manuel Lidauer" userId="b55e45dd-c6cc-461d-bef5-835fc172e678" providerId="ADAL" clId="{BCD0C6F6-2D95-4A66-B702-D3858BC1FC00}" dt="2019-09-26T10:18:07.902" v="75833"/>
          <ac:spMkLst>
            <pc:docMk/>
            <pc:sldMk cId="1279582212" sldId="257"/>
            <ac:spMk id="2248" creationId="{CF579799-346E-4AA2-BFE5-82EAEAAD7571}"/>
          </ac:spMkLst>
        </pc:spChg>
        <pc:spChg chg="add del mod modVis">
          <ac:chgData name="Manuel Lidauer" userId="b55e45dd-c6cc-461d-bef5-835fc172e678" providerId="ADAL" clId="{BCD0C6F6-2D95-4A66-B702-D3858BC1FC00}" dt="2019-09-26T10:18:07.903" v="75835"/>
          <ac:spMkLst>
            <pc:docMk/>
            <pc:sldMk cId="1279582212" sldId="257"/>
            <ac:spMk id="2249" creationId="{BAF4B272-AE63-485F-8B28-C52B0EBAE1E8}"/>
          </ac:spMkLst>
        </pc:spChg>
        <pc:spChg chg="add del mod modVis">
          <ac:chgData name="Manuel Lidauer" userId="b55e45dd-c6cc-461d-bef5-835fc172e678" providerId="ADAL" clId="{BCD0C6F6-2D95-4A66-B702-D3858BC1FC00}" dt="2019-09-26T10:18:07.904" v="75837"/>
          <ac:spMkLst>
            <pc:docMk/>
            <pc:sldMk cId="1279582212" sldId="257"/>
            <ac:spMk id="2250" creationId="{E298D05C-B5AC-4402-9878-50A438B98AFA}"/>
          </ac:spMkLst>
        </pc:spChg>
        <pc:spChg chg="add del mod modVis">
          <ac:chgData name="Manuel Lidauer" userId="b55e45dd-c6cc-461d-bef5-835fc172e678" providerId="ADAL" clId="{BCD0C6F6-2D95-4A66-B702-D3858BC1FC00}" dt="2019-09-26T10:18:07.905" v="75839"/>
          <ac:spMkLst>
            <pc:docMk/>
            <pc:sldMk cId="1279582212" sldId="257"/>
            <ac:spMk id="2251" creationId="{DD2546D0-430C-42B2-B242-7DA12A8C6D14}"/>
          </ac:spMkLst>
        </pc:spChg>
        <pc:spChg chg="add del mod modVis">
          <ac:chgData name="Manuel Lidauer" userId="b55e45dd-c6cc-461d-bef5-835fc172e678" providerId="ADAL" clId="{BCD0C6F6-2D95-4A66-B702-D3858BC1FC00}" dt="2019-09-26T10:18:07.906" v="75841"/>
          <ac:spMkLst>
            <pc:docMk/>
            <pc:sldMk cId="1279582212" sldId="257"/>
            <ac:spMk id="2252" creationId="{ABBA9362-98A5-4DD1-A3D1-DADFC325E8F0}"/>
          </ac:spMkLst>
        </pc:spChg>
        <pc:spChg chg="add del mod modVis">
          <ac:chgData name="Manuel Lidauer" userId="b55e45dd-c6cc-461d-bef5-835fc172e678" providerId="ADAL" clId="{BCD0C6F6-2D95-4A66-B702-D3858BC1FC00}" dt="2019-09-26T10:18:07.906" v="75842"/>
          <ac:spMkLst>
            <pc:docMk/>
            <pc:sldMk cId="1279582212" sldId="257"/>
            <ac:spMk id="2253" creationId="{91875F60-772F-4FBB-A5E3-ED952CA68F1D}"/>
          </ac:spMkLst>
        </pc:spChg>
        <pc:spChg chg="add del mod modVis">
          <ac:chgData name="Manuel Lidauer" userId="b55e45dd-c6cc-461d-bef5-835fc172e678" providerId="ADAL" clId="{BCD0C6F6-2D95-4A66-B702-D3858BC1FC00}" dt="2019-09-26T10:18:07.907" v="75844"/>
          <ac:spMkLst>
            <pc:docMk/>
            <pc:sldMk cId="1279582212" sldId="257"/>
            <ac:spMk id="2254" creationId="{6E9747EF-7011-42C1-9D77-44E824E2BCA1}"/>
          </ac:spMkLst>
        </pc:spChg>
        <pc:spChg chg="add del mod modVis">
          <ac:chgData name="Manuel Lidauer" userId="b55e45dd-c6cc-461d-bef5-835fc172e678" providerId="ADAL" clId="{BCD0C6F6-2D95-4A66-B702-D3858BC1FC00}" dt="2019-09-26T10:18:07.907" v="75846"/>
          <ac:spMkLst>
            <pc:docMk/>
            <pc:sldMk cId="1279582212" sldId="257"/>
            <ac:spMk id="2255" creationId="{0E0981B1-65BC-455E-BEF9-AD86CA7AA927}"/>
          </ac:spMkLst>
        </pc:spChg>
        <pc:spChg chg="add del mod modVis">
          <ac:chgData name="Manuel Lidauer" userId="b55e45dd-c6cc-461d-bef5-835fc172e678" providerId="ADAL" clId="{BCD0C6F6-2D95-4A66-B702-D3858BC1FC00}" dt="2019-09-26T10:18:07.908" v="75848"/>
          <ac:spMkLst>
            <pc:docMk/>
            <pc:sldMk cId="1279582212" sldId="257"/>
            <ac:spMk id="2256" creationId="{FD9770B5-30DE-445F-BFE1-F2D831609B4A}"/>
          </ac:spMkLst>
        </pc:spChg>
        <pc:spChg chg="add del mod modVis">
          <ac:chgData name="Manuel Lidauer" userId="b55e45dd-c6cc-461d-bef5-835fc172e678" providerId="ADAL" clId="{BCD0C6F6-2D95-4A66-B702-D3858BC1FC00}" dt="2019-09-26T10:18:07.909" v="75850"/>
          <ac:spMkLst>
            <pc:docMk/>
            <pc:sldMk cId="1279582212" sldId="257"/>
            <ac:spMk id="2257" creationId="{5219056E-2F49-4429-B623-1471DCAAE6D8}"/>
          </ac:spMkLst>
        </pc:spChg>
        <pc:spChg chg="add del mod modVis">
          <ac:chgData name="Manuel Lidauer" userId="b55e45dd-c6cc-461d-bef5-835fc172e678" providerId="ADAL" clId="{BCD0C6F6-2D95-4A66-B702-D3858BC1FC00}" dt="2019-09-26T10:18:07.909" v="75852"/>
          <ac:spMkLst>
            <pc:docMk/>
            <pc:sldMk cId="1279582212" sldId="257"/>
            <ac:spMk id="2258" creationId="{289D6EA5-3DAD-4B7C-9959-5525C9009370}"/>
          </ac:spMkLst>
        </pc:spChg>
        <pc:spChg chg="add del mod modVis">
          <ac:chgData name="Manuel Lidauer" userId="b55e45dd-c6cc-461d-bef5-835fc172e678" providerId="ADAL" clId="{BCD0C6F6-2D95-4A66-B702-D3858BC1FC00}" dt="2019-09-26T10:18:07.910" v="75854"/>
          <ac:spMkLst>
            <pc:docMk/>
            <pc:sldMk cId="1279582212" sldId="257"/>
            <ac:spMk id="2259" creationId="{9C2E30B0-7063-4626-A89D-6331C6103373}"/>
          </ac:spMkLst>
        </pc:spChg>
        <pc:spChg chg="add del mod modVis">
          <ac:chgData name="Manuel Lidauer" userId="b55e45dd-c6cc-461d-bef5-835fc172e678" providerId="ADAL" clId="{BCD0C6F6-2D95-4A66-B702-D3858BC1FC00}" dt="2019-09-26T10:18:07.911" v="75856"/>
          <ac:spMkLst>
            <pc:docMk/>
            <pc:sldMk cId="1279582212" sldId="257"/>
            <ac:spMk id="2260" creationId="{6CB233F9-C1C3-4DBD-A956-231834FFA460}"/>
          </ac:spMkLst>
        </pc:spChg>
        <pc:spChg chg="add del mod modVis">
          <ac:chgData name="Manuel Lidauer" userId="b55e45dd-c6cc-461d-bef5-835fc172e678" providerId="ADAL" clId="{BCD0C6F6-2D95-4A66-B702-D3858BC1FC00}" dt="2019-09-26T10:18:07.911" v="75857"/>
          <ac:spMkLst>
            <pc:docMk/>
            <pc:sldMk cId="1279582212" sldId="257"/>
            <ac:spMk id="2261" creationId="{15585CE3-C262-48AB-BBD9-D802E0A0EDE6}"/>
          </ac:spMkLst>
        </pc:spChg>
        <pc:spChg chg="add del mod modVis">
          <ac:chgData name="Manuel Lidauer" userId="b55e45dd-c6cc-461d-bef5-835fc172e678" providerId="ADAL" clId="{BCD0C6F6-2D95-4A66-B702-D3858BC1FC00}" dt="2019-09-26T10:18:07.912" v="75859"/>
          <ac:spMkLst>
            <pc:docMk/>
            <pc:sldMk cId="1279582212" sldId="257"/>
            <ac:spMk id="2262" creationId="{ACCAFC97-C871-4308-8E9D-4AA3A7F3F1C6}"/>
          </ac:spMkLst>
        </pc:spChg>
        <pc:spChg chg="add del mod modVis">
          <ac:chgData name="Manuel Lidauer" userId="b55e45dd-c6cc-461d-bef5-835fc172e678" providerId="ADAL" clId="{BCD0C6F6-2D95-4A66-B702-D3858BC1FC00}" dt="2019-09-26T10:18:07.912" v="75861"/>
          <ac:spMkLst>
            <pc:docMk/>
            <pc:sldMk cId="1279582212" sldId="257"/>
            <ac:spMk id="2263" creationId="{AD29A01A-5357-46D6-B2CD-A65E6814AA80}"/>
          </ac:spMkLst>
        </pc:spChg>
        <pc:spChg chg="add del mod modVis">
          <ac:chgData name="Manuel Lidauer" userId="b55e45dd-c6cc-461d-bef5-835fc172e678" providerId="ADAL" clId="{BCD0C6F6-2D95-4A66-B702-D3858BC1FC00}" dt="2019-09-26T10:18:07.913" v="75863"/>
          <ac:spMkLst>
            <pc:docMk/>
            <pc:sldMk cId="1279582212" sldId="257"/>
            <ac:spMk id="2264" creationId="{1BE8DB4D-8453-4496-8704-1CC26E69CBEC}"/>
          </ac:spMkLst>
        </pc:spChg>
        <pc:spChg chg="add del mod modVis">
          <ac:chgData name="Manuel Lidauer" userId="b55e45dd-c6cc-461d-bef5-835fc172e678" providerId="ADAL" clId="{BCD0C6F6-2D95-4A66-B702-D3858BC1FC00}" dt="2019-09-26T10:18:07.914" v="75865"/>
          <ac:spMkLst>
            <pc:docMk/>
            <pc:sldMk cId="1279582212" sldId="257"/>
            <ac:spMk id="2265" creationId="{EA8B546B-ADEC-4B9F-80D3-67A69A271196}"/>
          </ac:spMkLst>
        </pc:spChg>
        <pc:spChg chg="add del mod modVis">
          <ac:chgData name="Manuel Lidauer" userId="b55e45dd-c6cc-461d-bef5-835fc172e678" providerId="ADAL" clId="{BCD0C6F6-2D95-4A66-B702-D3858BC1FC00}" dt="2019-09-26T10:18:07.914" v="75867"/>
          <ac:spMkLst>
            <pc:docMk/>
            <pc:sldMk cId="1279582212" sldId="257"/>
            <ac:spMk id="2266" creationId="{AB64E3E2-9BD2-4432-B977-DBAD794808BD}"/>
          </ac:spMkLst>
        </pc:spChg>
        <pc:spChg chg="add del mod modVis">
          <ac:chgData name="Manuel Lidauer" userId="b55e45dd-c6cc-461d-bef5-835fc172e678" providerId="ADAL" clId="{BCD0C6F6-2D95-4A66-B702-D3858BC1FC00}" dt="2019-09-26T10:18:07.915" v="75869"/>
          <ac:spMkLst>
            <pc:docMk/>
            <pc:sldMk cId="1279582212" sldId="257"/>
            <ac:spMk id="2267" creationId="{116C66C6-2349-473B-BCAE-693FD05E63FB}"/>
          </ac:spMkLst>
        </pc:spChg>
        <pc:spChg chg="add del mod modVis">
          <ac:chgData name="Manuel Lidauer" userId="b55e45dd-c6cc-461d-bef5-835fc172e678" providerId="ADAL" clId="{BCD0C6F6-2D95-4A66-B702-D3858BC1FC00}" dt="2019-09-26T10:18:07.916" v="75871"/>
          <ac:spMkLst>
            <pc:docMk/>
            <pc:sldMk cId="1279582212" sldId="257"/>
            <ac:spMk id="2268" creationId="{00784106-35E4-4A14-8ECB-57643B41C733}"/>
          </ac:spMkLst>
        </pc:spChg>
        <pc:spChg chg="add del mod modVis">
          <ac:chgData name="Manuel Lidauer" userId="b55e45dd-c6cc-461d-bef5-835fc172e678" providerId="ADAL" clId="{BCD0C6F6-2D95-4A66-B702-D3858BC1FC00}" dt="2019-09-26T10:18:07.916" v="75872"/>
          <ac:spMkLst>
            <pc:docMk/>
            <pc:sldMk cId="1279582212" sldId="257"/>
            <ac:spMk id="2269" creationId="{236E23CB-EC1E-40D1-AC36-F3AFC78C2C1F}"/>
          </ac:spMkLst>
        </pc:spChg>
        <pc:spChg chg="add del mod modVis">
          <ac:chgData name="Manuel Lidauer" userId="b55e45dd-c6cc-461d-bef5-835fc172e678" providerId="ADAL" clId="{BCD0C6F6-2D95-4A66-B702-D3858BC1FC00}" dt="2019-09-26T10:18:07.917" v="75874"/>
          <ac:spMkLst>
            <pc:docMk/>
            <pc:sldMk cId="1279582212" sldId="257"/>
            <ac:spMk id="2270" creationId="{06C0AD12-0F7C-41D8-B859-682520715A23}"/>
          </ac:spMkLst>
        </pc:spChg>
        <pc:spChg chg="add del mod modVis">
          <ac:chgData name="Manuel Lidauer" userId="b55e45dd-c6cc-461d-bef5-835fc172e678" providerId="ADAL" clId="{BCD0C6F6-2D95-4A66-B702-D3858BC1FC00}" dt="2019-09-26T10:18:07.917" v="75876"/>
          <ac:spMkLst>
            <pc:docMk/>
            <pc:sldMk cId="1279582212" sldId="257"/>
            <ac:spMk id="2271" creationId="{5938D833-DE10-4CBF-925E-2B2120BB9D41}"/>
          </ac:spMkLst>
        </pc:spChg>
        <pc:spChg chg="add del mod modVis">
          <ac:chgData name="Manuel Lidauer" userId="b55e45dd-c6cc-461d-bef5-835fc172e678" providerId="ADAL" clId="{BCD0C6F6-2D95-4A66-B702-D3858BC1FC00}" dt="2019-09-26T10:18:07.918" v="75878"/>
          <ac:spMkLst>
            <pc:docMk/>
            <pc:sldMk cId="1279582212" sldId="257"/>
            <ac:spMk id="2272" creationId="{58E3A79E-186A-4AAC-BCE6-453730CEE5FA}"/>
          </ac:spMkLst>
        </pc:spChg>
        <pc:spChg chg="add del mod modVis">
          <ac:chgData name="Manuel Lidauer" userId="b55e45dd-c6cc-461d-bef5-835fc172e678" providerId="ADAL" clId="{BCD0C6F6-2D95-4A66-B702-D3858BC1FC00}" dt="2019-09-26T10:18:07.919" v="75880"/>
          <ac:spMkLst>
            <pc:docMk/>
            <pc:sldMk cId="1279582212" sldId="257"/>
            <ac:spMk id="2273" creationId="{35DBDB6F-4BA2-438B-9882-3C28B9C6FC62}"/>
          </ac:spMkLst>
        </pc:spChg>
        <pc:spChg chg="add del mod modVis">
          <ac:chgData name="Manuel Lidauer" userId="b55e45dd-c6cc-461d-bef5-835fc172e678" providerId="ADAL" clId="{BCD0C6F6-2D95-4A66-B702-D3858BC1FC00}" dt="2019-09-26T10:18:07.920" v="75882"/>
          <ac:spMkLst>
            <pc:docMk/>
            <pc:sldMk cId="1279582212" sldId="257"/>
            <ac:spMk id="2274" creationId="{F028C189-E74D-4822-84CA-E5423D6E9445}"/>
          </ac:spMkLst>
        </pc:spChg>
        <pc:spChg chg="add del mod modVis">
          <ac:chgData name="Manuel Lidauer" userId="b55e45dd-c6cc-461d-bef5-835fc172e678" providerId="ADAL" clId="{BCD0C6F6-2D95-4A66-B702-D3858BC1FC00}" dt="2019-09-26T10:18:07.920" v="75884"/>
          <ac:spMkLst>
            <pc:docMk/>
            <pc:sldMk cId="1279582212" sldId="257"/>
            <ac:spMk id="2275" creationId="{C30464C2-B853-46A2-8341-4BFD707C3F1E}"/>
          </ac:spMkLst>
        </pc:spChg>
        <pc:spChg chg="add del mod modVis">
          <ac:chgData name="Manuel Lidauer" userId="b55e45dd-c6cc-461d-bef5-835fc172e678" providerId="ADAL" clId="{BCD0C6F6-2D95-4A66-B702-D3858BC1FC00}" dt="2019-09-26T10:18:07.921" v="75886"/>
          <ac:spMkLst>
            <pc:docMk/>
            <pc:sldMk cId="1279582212" sldId="257"/>
            <ac:spMk id="2276" creationId="{F96447EC-B276-4958-A61D-B6A943B880C5}"/>
          </ac:spMkLst>
        </pc:spChg>
        <pc:spChg chg="add del mod modVis">
          <ac:chgData name="Manuel Lidauer" userId="b55e45dd-c6cc-461d-bef5-835fc172e678" providerId="ADAL" clId="{BCD0C6F6-2D95-4A66-B702-D3858BC1FC00}" dt="2019-09-26T10:18:07.921" v="75887"/>
          <ac:spMkLst>
            <pc:docMk/>
            <pc:sldMk cId="1279582212" sldId="257"/>
            <ac:spMk id="2277" creationId="{F38D5265-4697-4C06-B3D4-7DF369CE5C41}"/>
          </ac:spMkLst>
        </pc:spChg>
        <pc:spChg chg="add del mod modVis">
          <ac:chgData name="Manuel Lidauer" userId="b55e45dd-c6cc-461d-bef5-835fc172e678" providerId="ADAL" clId="{BCD0C6F6-2D95-4A66-B702-D3858BC1FC00}" dt="2019-09-26T10:18:07.922" v="75889"/>
          <ac:spMkLst>
            <pc:docMk/>
            <pc:sldMk cId="1279582212" sldId="257"/>
            <ac:spMk id="2278" creationId="{98F339D8-C29E-4DFF-9526-6A61C472AB3B}"/>
          </ac:spMkLst>
        </pc:spChg>
        <pc:spChg chg="add del mod modVis">
          <ac:chgData name="Manuel Lidauer" userId="b55e45dd-c6cc-461d-bef5-835fc172e678" providerId="ADAL" clId="{BCD0C6F6-2D95-4A66-B702-D3858BC1FC00}" dt="2019-09-26T10:18:07.923" v="75891"/>
          <ac:spMkLst>
            <pc:docMk/>
            <pc:sldMk cId="1279582212" sldId="257"/>
            <ac:spMk id="2279" creationId="{D282F255-0DC8-471C-A0FC-5B63D4AD7C05}"/>
          </ac:spMkLst>
        </pc:spChg>
        <pc:spChg chg="add del mod modVis">
          <ac:chgData name="Manuel Lidauer" userId="b55e45dd-c6cc-461d-bef5-835fc172e678" providerId="ADAL" clId="{BCD0C6F6-2D95-4A66-B702-D3858BC1FC00}" dt="2019-09-26T10:18:07.924" v="75893"/>
          <ac:spMkLst>
            <pc:docMk/>
            <pc:sldMk cId="1279582212" sldId="257"/>
            <ac:spMk id="2280" creationId="{1385247C-DD92-40A0-B700-1DD45D770144}"/>
          </ac:spMkLst>
        </pc:spChg>
        <pc:spChg chg="add del mod modVis">
          <ac:chgData name="Manuel Lidauer" userId="b55e45dd-c6cc-461d-bef5-835fc172e678" providerId="ADAL" clId="{BCD0C6F6-2D95-4A66-B702-D3858BC1FC00}" dt="2019-09-26T10:18:07.924" v="75895"/>
          <ac:spMkLst>
            <pc:docMk/>
            <pc:sldMk cId="1279582212" sldId="257"/>
            <ac:spMk id="2281" creationId="{3F1FFD1A-0A9C-4574-B530-61CC40CDAE0B}"/>
          </ac:spMkLst>
        </pc:spChg>
        <pc:spChg chg="add del mod modVis">
          <ac:chgData name="Manuel Lidauer" userId="b55e45dd-c6cc-461d-bef5-835fc172e678" providerId="ADAL" clId="{BCD0C6F6-2D95-4A66-B702-D3858BC1FC00}" dt="2019-09-26T10:18:07.925" v="75897"/>
          <ac:spMkLst>
            <pc:docMk/>
            <pc:sldMk cId="1279582212" sldId="257"/>
            <ac:spMk id="2282" creationId="{CF8D830E-27F8-49E1-8A13-CAA85A6899BB}"/>
          </ac:spMkLst>
        </pc:spChg>
        <pc:spChg chg="add del mod modVis">
          <ac:chgData name="Manuel Lidauer" userId="b55e45dd-c6cc-461d-bef5-835fc172e678" providerId="ADAL" clId="{BCD0C6F6-2D95-4A66-B702-D3858BC1FC00}" dt="2019-09-26T10:18:07.925" v="75899"/>
          <ac:spMkLst>
            <pc:docMk/>
            <pc:sldMk cId="1279582212" sldId="257"/>
            <ac:spMk id="2283" creationId="{46C59D4A-C303-4C12-B421-D3C5066ED6DF}"/>
          </ac:spMkLst>
        </pc:spChg>
        <pc:spChg chg="add del mod modVis">
          <ac:chgData name="Manuel Lidauer" userId="b55e45dd-c6cc-461d-bef5-835fc172e678" providerId="ADAL" clId="{BCD0C6F6-2D95-4A66-B702-D3858BC1FC00}" dt="2019-09-26T10:18:07.926" v="75901"/>
          <ac:spMkLst>
            <pc:docMk/>
            <pc:sldMk cId="1279582212" sldId="257"/>
            <ac:spMk id="2284" creationId="{B97D3B87-CFC5-406A-A6D1-601A2A8542BE}"/>
          </ac:spMkLst>
        </pc:spChg>
        <pc:spChg chg="add del mod modVis">
          <ac:chgData name="Manuel Lidauer" userId="b55e45dd-c6cc-461d-bef5-835fc172e678" providerId="ADAL" clId="{BCD0C6F6-2D95-4A66-B702-D3858BC1FC00}" dt="2019-09-26T10:18:07.927" v="75902"/>
          <ac:spMkLst>
            <pc:docMk/>
            <pc:sldMk cId="1279582212" sldId="257"/>
            <ac:spMk id="2285" creationId="{F12904A4-906F-4B56-B501-59ABE51A3938}"/>
          </ac:spMkLst>
        </pc:spChg>
        <pc:spChg chg="add del mod modVis">
          <ac:chgData name="Manuel Lidauer" userId="b55e45dd-c6cc-461d-bef5-835fc172e678" providerId="ADAL" clId="{BCD0C6F6-2D95-4A66-B702-D3858BC1FC00}" dt="2019-09-26T10:18:07.927" v="75904"/>
          <ac:spMkLst>
            <pc:docMk/>
            <pc:sldMk cId="1279582212" sldId="257"/>
            <ac:spMk id="2286" creationId="{5CC2834C-7CB0-4F42-ACAD-DBC3B02ABDE6}"/>
          </ac:spMkLst>
        </pc:spChg>
        <pc:spChg chg="add del mod modVis">
          <ac:chgData name="Manuel Lidauer" userId="b55e45dd-c6cc-461d-bef5-835fc172e678" providerId="ADAL" clId="{BCD0C6F6-2D95-4A66-B702-D3858BC1FC00}" dt="2019-09-26T10:18:07.928" v="75906"/>
          <ac:spMkLst>
            <pc:docMk/>
            <pc:sldMk cId="1279582212" sldId="257"/>
            <ac:spMk id="2287" creationId="{12A95FC5-6369-4CEC-9225-C9513056C844}"/>
          </ac:spMkLst>
        </pc:spChg>
        <pc:spChg chg="add del mod modVis">
          <ac:chgData name="Manuel Lidauer" userId="b55e45dd-c6cc-461d-bef5-835fc172e678" providerId="ADAL" clId="{BCD0C6F6-2D95-4A66-B702-D3858BC1FC00}" dt="2019-09-26T10:18:07.929" v="75908"/>
          <ac:spMkLst>
            <pc:docMk/>
            <pc:sldMk cId="1279582212" sldId="257"/>
            <ac:spMk id="2288" creationId="{3F56121B-18CE-4BC0-9C7D-E6C5A97EA993}"/>
          </ac:spMkLst>
        </pc:spChg>
        <pc:spChg chg="add del mod modVis">
          <ac:chgData name="Manuel Lidauer" userId="b55e45dd-c6cc-461d-bef5-835fc172e678" providerId="ADAL" clId="{BCD0C6F6-2D95-4A66-B702-D3858BC1FC00}" dt="2019-09-26T10:18:07.929" v="75910"/>
          <ac:spMkLst>
            <pc:docMk/>
            <pc:sldMk cId="1279582212" sldId="257"/>
            <ac:spMk id="2289" creationId="{9EAFB3E4-C917-495B-A794-7962524786CA}"/>
          </ac:spMkLst>
        </pc:spChg>
        <pc:spChg chg="add del mod modVis">
          <ac:chgData name="Manuel Lidauer" userId="b55e45dd-c6cc-461d-bef5-835fc172e678" providerId="ADAL" clId="{BCD0C6F6-2D95-4A66-B702-D3858BC1FC00}" dt="2019-09-26T10:18:07.930" v="75912"/>
          <ac:spMkLst>
            <pc:docMk/>
            <pc:sldMk cId="1279582212" sldId="257"/>
            <ac:spMk id="2290" creationId="{92282B21-93CB-4B57-86CC-D725416D9F1E}"/>
          </ac:spMkLst>
        </pc:spChg>
        <pc:spChg chg="add del mod modVis">
          <ac:chgData name="Manuel Lidauer" userId="b55e45dd-c6cc-461d-bef5-835fc172e678" providerId="ADAL" clId="{BCD0C6F6-2D95-4A66-B702-D3858BC1FC00}" dt="2019-09-26T10:18:07.931" v="75914"/>
          <ac:spMkLst>
            <pc:docMk/>
            <pc:sldMk cId="1279582212" sldId="257"/>
            <ac:spMk id="2291" creationId="{94035BD3-EEFA-4325-8763-60BC7519B14F}"/>
          </ac:spMkLst>
        </pc:spChg>
        <pc:spChg chg="add del mod modVis">
          <ac:chgData name="Manuel Lidauer" userId="b55e45dd-c6cc-461d-bef5-835fc172e678" providerId="ADAL" clId="{BCD0C6F6-2D95-4A66-B702-D3858BC1FC00}" dt="2019-09-26T10:18:07.931" v="75916"/>
          <ac:spMkLst>
            <pc:docMk/>
            <pc:sldMk cId="1279582212" sldId="257"/>
            <ac:spMk id="2292" creationId="{59BC1E77-F6D3-4494-B2C9-4E7BCAD6E1EC}"/>
          </ac:spMkLst>
        </pc:spChg>
        <pc:spChg chg="add del mod modVis">
          <ac:chgData name="Manuel Lidauer" userId="b55e45dd-c6cc-461d-bef5-835fc172e678" providerId="ADAL" clId="{BCD0C6F6-2D95-4A66-B702-D3858BC1FC00}" dt="2019-09-26T10:18:07.932" v="75917"/>
          <ac:spMkLst>
            <pc:docMk/>
            <pc:sldMk cId="1279582212" sldId="257"/>
            <ac:spMk id="2293" creationId="{DA622D9C-3118-4309-BBD6-1686177A24AF}"/>
          </ac:spMkLst>
        </pc:spChg>
        <pc:spChg chg="add del mod modVis">
          <ac:chgData name="Manuel Lidauer" userId="b55e45dd-c6cc-461d-bef5-835fc172e678" providerId="ADAL" clId="{BCD0C6F6-2D95-4A66-B702-D3858BC1FC00}" dt="2019-09-26T10:18:07.932" v="75919"/>
          <ac:spMkLst>
            <pc:docMk/>
            <pc:sldMk cId="1279582212" sldId="257"/>
            <ac:spMk id="2294" creationId="{9C05C38B-CBC7-4FA6-A51B-C3DB16C50171}"/>
          </ac:spMkLst>
        </pc:spChg>
        <pc:spChg chg="add del mod modVis">
          <ac:chgData name="Manuel Lidauer" userId="b55e45dd-c6cc-461d-bef5-835fc172e678" providerId="ADAL" clId="{BCD0C6F6-2D95-4A66-B702-D3858BC1FC00}" dt="2019-09-26T10:18:07.933" v="75921"/>
          <ac:spMkLst>
            <pc:docMk/>
            <pc:sldMk cId="1279582212" sldId="257"/>
            <ac:spMk id="2295" creationId="{ED22A2BF-E47A-4617-8B92-1957B3CE019B}"/>
          </ac:spMkLst>
        </pc:spChg>
        <pc:spChg chg="add del mod modVis">
          <ac:chgData name="Manuel Lidauer" userId="b55e45dd-c6cc-461d-bef5-835fc172e678" providerId="ADAL" clId="{BCD0C6F6-2D95-4A66-B702-D3858BC1FC00}" dt="2019-09-26T10:18:07.934" v="75923"/>
          <ac:spMkLst>
            <pc:docMk/>
            <pc:sldMk cId="1279582212" sldId="257"/>
            <ac:spMk id="2296" creationId="{01D6ECB7-0A4D-4262-BAF5-8116ED43A958}"/>
          </ac:spMkLst>
        </pc:spChg>
        <pc:spChg chg="add del mod modVis">
          <ac:chgData name="Manuel Lidauer" userId="b55e45dd-c6cc-461d-bef5-835fc172e678" providerId="ADAL" clId="{BCD0C6F6-2D95-4A66-B702-D3858BC1FC00}" dt="2019-09-26T10:18:07.934" v="75925"/>
          <ac:spMkLst>
            <pc:docMk/>
            <pc:sldMk cId="1279582212" sldId="257"/>
            <ac:spMk id="2297" creationId="{36F02A90-56A4-413A-AF1B-4E56CEFB10A1}"/>
          </ac:spMkLst>
        </pc:spChg>
        <pc:spChg chg="add del mod modVis">
          <ac:chgData name="Manuel Lidauer" userId="b55e45dd-c6cc-461d-bef5-835fc172e678" providerId="ADAL" clId="{BCD0C6F6-2D95-4A66-B702-D3858BC1FC00}" dt="2019-09-26T10:18:07.935" v="75927"/>
          <ac:spMkLst>
            <pc:docMk/>
            <pc:sldMk cId="1279582212" sldId="257"/>
            <ac:spMk id="2298" creationId="{AD4C4ED2-5AB8-46DC-AA1F-C1BF8C2CEFA3}"/>
          </ac:spMkLst>
        </pc:spChg>
        <pc:spChg chg="add del mod modVis">
          <ac:chgData name="Manuel Lidauer" userId="b55e45dd-c6cc-461d-bef5-835fc172e678" providerId="ADAL" clId="{BCD0C6F6-2D95-4A66-B702-D3858BC1FC00}" dt="2019-09-26T10:18:07.936" v="75929"/>
          <ac:spMkLst>
            <pc:docMk/>
            <pc:sldMk cId="1279582212" sldId="257"/>
            <ac:spMk id="2299" creationId="{0CD313E5-8589-4CB0-8C4C-4A92A079A62E}"/>
          </ac:spMkLst>
        </pc:spChg>
        <pc:spChg chg="add del mod modVis">
          <ac:chgData name="Manuel Lidauer" userId="b55e45dd-c6cc-461d-bef5-835fc172e678" providerId="ADAL" clId="{BCD0C6F6-2D95-4A66-B702-D3858BC1FC00}" dt="2019-09-26T10:18:07.936" v="75931"/>
          <ac:spMkLst>
            <pc:docMk/>
            <pc:sldMk cId="1279582212" sldId="257"/>
            <ac:spMk id="2300" creationId="{57841901-861A-4546-93C7-116B74B931B1}"/>
          </ac:spMkLst>
        </pc:spChg>
        <pc:spChg chg="add del mod modVis">
          <ac:chgData name="Manuel Lidauer" userId="b55e45dd-c6cc-461d-bef5-835fc172e678" providerId="ADAL" clId="{BCD0C6F6-2D95-4A66-B702-D3858BC1FC00}" dt="2019-09-26T10:18:07.937" v="75932"/>
          <ac:spMkLst>
            <pc:docMk/>
            <pc:sldMk cId="1279582212" sldId="257"/>
            <ac:spMk id="2301" creationId="{2E6C37E5-08F3-45DA-8D99-122533866C8E}"/>
          </ac:spMkLst>
        </pc:spChg>
        <pc:spChg chg="add del mod modVis">
          <ac:chgData name="Manuel Lidauer" userId="b55e45dd-c6cc-461d-bef5-835fc172e678" providerId="ADAL" clId="{BCD0C6F6-2D95-4A66-B702-D3858BC1FC00}" dt="2019-09-26T10:18:07.938" v="75934"/>
          <ac:spMkLst>
            <pc:docMk/>
            <pc:sldMk cId="1279582212" sldId="257"/>
            <ac:spMk id="2302" creationId="{EB87256B-8EC8-439A-A83D-FDA3FD7D71F3}"/>
          </ac:spMkLst>
        </pc:spChg>
        <pc:spChg chg="add del mod modVis">
          <ac:chgData name="Manuel Lidauer" userId="b55e45dd-c6cc-461d-bef5-835fc172e678" providerId="ADAL" clId="{BCD0C6F6-2D95-4A66-B702-D3858BC1FC00}" dt="2019-09-26T10:18:07.939" v="75936"/>
          <ac:spMkLst>
            <pc:docMk/>
            <pc:sldMk cId="1279582212" sldId="257"/>
            <ac:spMk id="2303" creationId="{677CCAA1-141E-4A60-A24C-48E9E7CC13BD}"/>
          </ac:spMkLst>
        </pc:spChg>
        <pc:spChg chg="add del mod modVis">
          <ac:chgData name="Manuel Lidauer" userId="b55e45dd-c6cc-461d-bef5-835fc172e678" providerId="ADAL" clId="{BCD0C6F6-2D95-4A66-B702-D3858BC1FC00}" dt="2019-09-26T10:18:07.939" v="75938"/>
          <ac:spMkLst>
            <pc:docMk/>
            <pc:sldMk cId="1279582212" sldId="257"/>
            <ac:spMk id="2304" creationId="{EFB222F2-45EE-4A85-8176-5EA5C5617CB2}"/>
          </ac:spMkLst>
        </pc:spChg>
        <pc:spChg chg="add del mod modVis">
          <ac:chgData name="Manuel Lidauer" userId="b55e45dd-c6cc-461d-bef5-835fc172e678" providerId="ADAL" clId="{BCD0C6F6-2D95-4A66-B702-D3858BC1FC00}" dt="2019-09-26T10:18:07.940" v="75940"/>
          <ac:spMkLst>
            <pc:docMk/>
            <pc:sldMk cId="1279582212" sldId="257"/>
            <ac:spMk id="2305" creationId="{2F89BF81-BCDE-415B-992B-0E160D415214}"/>
          </ac:spMkLst>
        </pc:spChg>
        <pc:spChg chg="add del mod modVis">
          <ac:chgData name="Manuel Lidauer" userId="b55e45dd-c6cc-461d-bef5-835fc172e678" providerId="ADAL" clId="{BCD0C6F6-2D95-4A66-B702-D3858BC1FC00}" dt="2019-09-26T10:18:07.941" v="75942"/>
          <ac:spMkLst>
            <pc:docMk/>
            <pc:sldMk cId="1279582212" sldId="257"/>
            <ac:spMk id="2306" creationId="{1F2AEDDE-9344-4302-AC72-EA25D5E9E4FE}"/>
          </ac:spMkLst>
        </pc:spChg>
        <pc:spChg chg="add del mod modVis">
          <ac:chgData name="Manuel Lidauer" userId="b55e45dd-c6cc-461d-bef5-835fc172e678" providerId="ADAL" clId="{BCD0C6F6-2D95-4A66-B702-D3858BC1FC00}" dt="2019-09-26T10:18:07.941" v="75944"/>
          <ac:spMkLst>
            <pc:docMk/>
            <pc:sldMk cId="1279582212" sldId="257"/>
            <ac:spMk id="2307" creationId="{71626380-9BF0-4B1C-95F6-EF5E63C7BDEC}"/>
          </ac:spMkLst>
        </pc:spChg>
        <pc:spChg chg="add del mod modVis">
          <ac:chgData name="Manuel Lidauer" userId="b55e45dd-c6cc-461d-bef5-835fc172e678" providerId="ADAL" clId="{BCD0C6F6-2D95-4A66-B702-D3858BC1FC00}" dt="2019-09-26T10:18:07.942" v="75946"/>
          <ac:spMkLst>
            <pc:docMk/>
            <pc:sldMk cId="1279582212" sldId="257"/>
            <ac:spMk id="2308" creationId="{BD82D4C7-44B9-44EB-813D-B1E1A007D8CF}"/>
          </ac:spMkLst>
        </pc:spChg>
        <pc:spChg chg="add del mod modVis">
          <ac:chgData name="Manuel Lidauer" userId="b55e45dd-c6cc-461d-bef5-835fc172e678" providerId="ADAL" clId="{BCD0C6F6-2D95-4A66-B702-D3858BC1FC00}" dt="2019-09-26T10:18:07.942" v="75947"/>
          <ac:spMkLst>
            <pc:docMk/>
            <pc:sldMk cId="1279582212" sldId="257"/>
            <ac:spMk id="2309" creationId="{EEBDF81C-82B7-4BDF-9BD5-3E1D365B52B6}"/>
          </ac:spMkLst>
        </pc:spChg>
        <pc:spChg chg="add del mod modVis">
          <ac:chgData name="Manuel Lidauer" userId="b55e45dd-c6cc-461d-bef5-835fc172e678" providerId="ADAL" clId="{BCD0C6F6-2D95-4A66-B702-D3858BC1FC00}" dt="2019-09-26T10:18:07.943" v="75949"/>
          <ac:spMkLst>
            <pc:docMk/>
            <pc:sldMk cId="1279582212" sldId="257"/>
            <ac:spMk id="2310" creationId="{EBA2DAEE-0178-4E39-BEAF-9960E5D25D28}"/>
          </ac:spMkLst>
        </pc:spChg>
        <pc:spChg chg="add del mod modVis">
          <ac:chgData name="Manuel Lidauer" userId="b55e45dd-c6cc-461d-bef5-835fc172e678" providerId="ADAL" clId="{BCD0C6F6-2D95-4A66-B702-D3858BC1FC00}" dt="2019-09-26T10:18:07.944" v="75951"/>
          <ac:spMkLst>
            <pc:docMk/>
            <pc:sldMk cId="1279582212" sldId="257"/>
            <ac:spMk id="2311" creationId="{C2F8C79D-B8E6-4BB1-83A7-8E7410BCA705}"/>
          </ac:spMkLst>
        </pc:spChg>
        <pc:spChg chg="add del mod modVis">
          <ac:chgData name="Manuel Lidauer" userId="b55e45dd-c6cc-461d-bef5-835fc172e678" providerId="ADAL" clId="{BCD0C6F6-2D95-4A66-B702-D3858BC1FC00}" dt="2019-09-26T10:18:07.944" v="75953"/>
          <ac:spMkLst>
            <pc:docMk/>
            <pc:sldMk cId="1279582212" sldId="257"/>
            <ac:spMk id="2312" creationId="{3C4CB2D7-5099-4E3E-9F74-FA6A3CDC8A1B}"/>
          </ac:spMkLst>
        </pc:spChg>
        <pc:spChg chg="add del mod modVis">
          <ac:chgData name="Manuel Lidauer" userId="b55e45dd-c6cc-461d-bef5-835fc172e678" providerId="ADAL" clId="{BCD0C6F6-2D95-4A66-B702-D3858BC1FC00}" dt="2019-09-26T10:18:07.945" v="75955"/>
          <ac:spMkLst>
            <pc:docMk/>
            <pc:sldMk cId="1279582212" sldId="257"/>
            <ac:spMk id="2313" creationId="{187D15EF-973F-43CC-958B-8D06694AC007}"/>
          </ac:spMkLst>
        </pc:spChg>
        <pc:spChg chg="add del mod modVis">
          <ac:chgData name="Manuel Lidauer" userId="b55e45dd-c6cc-461d-bef5-835fc172e678" providerId="ADAL" clId="{BCD0C6F6-2D95-4A66-B702-D3858BC1FC00}" dt="2019-09-26T10:18:07.946" v="75957"/>
          <ac:spMkLst>
            <pc:docMk/>
            <pc:sldMk cId="1279582212" sldId="257"/>
            <ac:spMk id="2314" creationId="{3DC66AC4-3760-4CAC-BD03-B557C77284D5}"/>
          </ac:spMkLst>
        </pc:spChg>
        <pc:spChg chg="add del mod modVis">
          <ac:chgData name="Manuel Lidauer" userId="b55e45dd-c6cc-461d-bef5-835fc172e678" providerId="ADAL" clId="{BCD0C6F6-2D95-4A66-B702-D3858BC1FC00}" dt="2019-09-26T10:18:07.946" v="75959"/>
          <ac:spMkLst>
            <pc:docMk/>
            <pc:sldMk cId="1279582212" sldId="257"/>
            <ac:spMk id="2315" creationId="{0F3ADD08-7C38-4072-9F14-090E38635AF1}"/>
          </ac:spMkLst>
        </pc:spChg>
        <pc:spChg chg="add del mod modVis">
          <ac:chgData name="Manuel Lidauer" userId="b55e45dd-c6cc-461d-bef5-835fc172e678" providerId="ADAL" clId="{BCD0C6F6-2D95-4A66-B702-D3858BC1FC00}" dt="2019-09-26T10:18:07.947" v="75961"/>
          <ac:spMkLst>
            <pc:docMk/>
            <pc:sldMk cId="1279582212" sldId="257"/>
            <ac:spMk id="2316" creationId="{92DED330-DD7C-4954-BA26-19C7CD33F7A2}"/>
          </ac:spMkLst>
        </pc:spChg>
        <pc:spChg chg="add del mod modVis">
          <ac:chgData name="Manuel Lidauer" userId="b55e45dd-c6cc-461d-bef5-835fc172e678" providerId="ADAL" clId="{BCD0C6F6-2D95-4A66-B702-D3858BC1FC00}" dt="2019-09-26T10:18:07.947" v="75962"/>
          <ac:spMkLst>
            <pc:docMk/>
            <pc:sldMk cId="1279582212" sldId="257"/>
            <ac:spMk id="2317" creationId="{69482CC3-29D2-4F8F-93D8-36798759FD31}"/>
          </ac:spMkLst>
        </pc:spChg>
        <pc:spChg chg="add del mod modVis">
          <ac:chgData name="Manuel Lidauer" userId="b55e45dd-c6cc-461d-bef5-835fc172e678" providerId="ADAL" clId="{BCD0C6F6-2D95-4A66-B702-D3858BC1FC00}" dt="2019-09-26T10:18:07.948" v="75964"/>
          <ac:spMkLst>
            <pc:docMk/>
            <pc:sldMk cId="1279582212" sldId="257"/>
            <ac:spMk id="2318" creationId="{DB343FFA-1B1C-402A-91CB-608AA6BF4096}"/>
          </ac:spMkLst>
        </pc:spChg>
        <pc:spChg chg="add del mod modVis">
          <ac:chgData name="Manuel Lidauer" userId="b55e45dd-c6cc-461d-bef5-835fc172e678" providerId="ADAL" clId="{BCD0C6F6-2D95-4A66-B702-D3858BC1FC00}" dt="2019-09-26T10:18:07.949" v="75966"/>
          <ac:spMkLst>
            <pc:docMk/>
            <pc:sldMk cId="1279582212" sldId="257"/>
            <ac:spMk id="2319" creationId="{1CE7F4A0-7167-4B9B-B1EC-35AE40787621}"/>
          </ac:spMkLst>
        </pc:spChg>
        <pc:spChg chg="add del mod modVis">
          <ac:chgData name="Manuel Lidauer" userId="b55e45dd-c6cc-461d-bef5-835fc172e678" providerId="ADAL" clId="{BCD0C6F6-2D95-4A66-B702-D3858BC1FC00}" dt="2019-09-26T10:18:07.949" v="75968"/>
          <ac:spMkLst>
            <pc:docMk/>
            <pc:sldMk cId="1279582212" sldId="257"/>
            <ac:spMk id="2320" creationId="{CD4FDF67-4B0F-4B1E-8596-5A90E4B493DB}"/>
          </ac:spMkLst>
        </pc:spChg>
        <pc:spChg chg="add del mod modVis">
          <ac:chgData name="Manuel Lidauer" userId="b55e45dd-c6cc-461d-bef5-835fc172e678" providerId="ADAL" clId="{BCD0C6F6-2D95-4A66-B702-D3858BC1FC00}" dt="2019-09-26T10:18:07.950" v="75970"/>
          <ac:spMkLst>
            <pc:docMk/>
            <pc:sldMk cId="1279582212" sldId="257"/>
            <ac:spMk id="2321" creationId="{DD8C34A1-B360-487C-B442-96A4C0549D93}"/>
          </ac:spMkLst>
        </pc:spChg>
        <pc:spChg chg="add del mod modVis">
          <ac:chgData name="Manuel Lidauer" userId="b55e45dd-c6cc-461d-bef5-835fc172e678" providerId="ADAL" clId="{BCD0C6F6-2D95-4A66-B702-D3858BC1FC00}" dt="2019-09-26T10:18:07.951" v="75972"/>
          <ac:spMkLst>
            <pc:docMk/>
            <pc:sldMk cId="1279582212" sldId="257"/>
            <ac:spMk id="2322" creationId="{F0195AD1-362B-4BF1-85AB-95DA6ABFC547}"/>
          </ac:spMkLst>
        </pc:spChg>
        <pc:spChg chg="add del mod modVis">
          <ac:chgData name="Manuel Lidauer" userId="b55e45dd-c6cc-461d-bef5-835fc172e678" providerId="ADAL" clId="{BCD0C6F6-2D95-4A66-B702-D3858BC1FC00}" dt="2019-09-26T10:18:07.951" v="75974"/>
          <ac:spMkLst>
            <pc:docMk/>
            <pc:sldMk cId="1279582212" sldId="257"/>
            <ac:spMk id="2323" creationId="{EE68CF02-06B8-446F-B271-86245D1ED2C1}"/>
          </ac:spMkLst>
        </pc:spChg>
        <pc:spChg chg="add del mod modVis">
          <ac:chgData name="Manuel Lidauer" userId="b55e45dd-c6cc-461d-bef5-835fc172e678" providerId="ADAL" clId="{BCD0C6F6-2D95-4A66-B702-D3858BC1FC00}" dt="2019-09-26T10:18:07.952" v="75976"/>
          <ac:spMkLst>
            <pc:docMk/>
            <pc:sldMk cId="1279582212" sldId="257"/>
            <ac:spMk id="2324" creationId="{9F115363-209C-42A3-B09E-6397619B9956}"/>
          </ac:spMkLst>
        </pc:spChg>
        <pc:spChg chg="add del mod modVis">
          <ac:chgData name="Manuel Lidauer" userId="b55e45dd-c6cc-461d-bef5-835fc172e678" providerId="ADAL" clId="{BCD0C6F6-2D95-4A66-B702-D3858BC1FC00}" dt="2019-09-26T10:18:07.952" v="75977"/>
          <ac:spMkLst>
            <pc:docMk/>
            <pc:sldMk cId="1279582212" sldId="257"/>
            <ac:spMk id="2325" creationId="{8461F3FE-7709-4BBF-8A74-A0BDC4907AE0}"/>
          </ac:spMkLst>
        </pc:spChg>
        <pc:spChg chg="add del mod modVis">
          <ac:chgData name="Manuel Lidauer" userId="b55e45dd-c6cc-461d-bef5-835fc172e678" providerId="ADAL" clId="{BCD0C6F6-2D95-4A66-B702-D3858BC1FC00}" dt="2019-09-26T10:18:07.953" v="75979"/>
          <ac:spMkLst>
            <pc:docMk/>
            <pc:sldMk cId="1279582212" sldId="257"/>
            <ac:spMk id="2326" creationId="{EA978671-639A-4CD8-A1C6-3203BF11E3C2}"/>
          </ac:spMkLst>
        </pc:spChg>
        <pc:spChg chg="add del mod modVis">
          <ac:chgData name="Manuel Lidauer" userId="b55e45dd-c6cc-461d-bef5-835fc172e678" providerId="ADAL" clId="{BCD0C6F6-2D95-4A66-B702-D3858BC1FC00}" dt="2019-09-26T10:18:07.954" v="75981"/>
          <ac:spMkLst>
            <pc:docMk/>
            <pc:sldMk cId="1279582212" sldId="257"/>
            <ac:spMk id="2327" creationId="{5BB8553C-BBAA-4485-9990-C0A08D24844E}"/>
          </ac:spMkLst>
        </pc:spChg>
        <pc:spChg chg="add del mod modVis">
          <ac:chgData name="Manuel Lidauer" userId="b55e45dd-c6cc-461d-bef5-835fc172e678" providerId="ADAL" clId="{BCD0C6F6-2D95-4A66-B702-D3858BC1FC00}" dt="2019-09-26T10:18:07.955" v="75983"/>
          <ac:spMkLst>
            <pc:docMk/>
            <pc:sldMk cId="1279582212" sldId="257"/>
            <ac:spMk id="2328" creationId="{86CE08DA-C47F-4E2A-A299-8B09B8B28D9B}"/>
          </ac:spMkLst>
        </pc:spChg>
        <pc:spChg chg="add del mod modVis">
          <ac:chgData name="Manuel Lidauer" userId="b55e45dd-c6cc-461d-bef5-835fc172e678" providerId="ADAL" clId="{BCD0C6F6-2D95-4A66-B702-D3858BC1FC00}" dt="2019-09-26T10:18:07.956" v="75985"/>
          <ac:spMkLst>
            <pc:docMk/>
            <pc:sldMk cId="1279582212" sldId="257"/>
            <ac:spMk id="2329" creationId="{2CAE85C8-F989-426A-A5C3-C6BD04FF6F21}"/>
          </ac:spMkLst>
        </pc:spChg>
        <pc:spChg chg="add del mod modVis">
          <ac:chgData name="Manuel Lidauer" userId="b55e45dd-c6cc-461d-bef5-835fc172e678" providerId="ADAL" clId="{BCD0C6F6-2D95-4A66-B702-D3858BC1FC00}" dt="2019-09-26T10:18:07.956" v="75987"/>
          <ac:spMkLst>
            <pc:docMk/>
            <pc:sldMk cId="1279582212" sldId="257"/>
            <ac:spMk id="2330" creationId="{FA3F9273-AF5E-4EF5-88A0-CA41ACCF1815}"/>
          </ac:spMkLst>
        </pc:spChg>
        <pc:spChg chg="add del mod modVis">
          <ac:chgData name="Manuel Lidauer" userId="b55e45dd-c6cc-461d-bef5-835fc172e678" providerId="ADAL" clId="{BCD0C6F6-2D95-4A66-B702-D3858BC1FC00}" dt="2019-09-26T10:18:07.957" v="75989"/>
          <ac:spMkLst>
            <pc:docMk/>
            <pc:sldMk cId="1279582212" sldId="257"/>
            <ac:spMk id="2331" creationId="{B1D00275-4B37-408A-84D6-F794AF8882EE}"/>
          </ac:spMkLst>
        </pc:spChg>
        <pc:spChg chg="add del mod modVis">
          <ac:chgData name="Manuel Lidauer" userId="b55e45dd-c6cc-461d-bef5-835fc172e678" providerId="ADAL" clId="{BCD0C6F6-2D95-4A66-B702-D3858BC1FC00}" dt="2019-09-26T10:18:07.958" v="75991"/>
          <ac:spMkLst>
            <pc:docMk/>
            <pc:sldMk cId="1279582212" sldId="257"/>
            <ac:spMk id="2332" creationId="{F612E2B1-C151-4E58-B5E7-0232E5AA003E}"/>
          </ac:spMkLst>
        </pc:spChg>
        <pc:spChg chg="add del mod modVis">
          <ac:chgData name="Manuel Lidauer" userId="b55e45dd-c6cc-461d-bef5-835fc172e678" providerId="ADAL" clId="{BCD0C6F6-2D95-4A66-B702-D3858BC1FC00}" dt="2019-09-26T10:18:07.958" v="75992"/>
          <ac:spMkLst>
            <pc:docMk/>
            <pc:sldMk cId="1279582212" sldId="257"/>
            <ac:spMk id="2333" creationId="{848F75A1-BCBF-4EF2-B667-26DE9556F6E4}"/>
          </ac:spMkLst>
        </pc:spChg>
        <pc:spChg chg="add del mod modVis">
          <ac:chgData name="Manuel Lidauer" userId="b55e45dd-c6cc-461d-bef5-835fc172e678" providerId="ADAL" clId="{BCD0C6F6-2D95-4A66-B702-D3858BC1FC00}" dt="2019-09-26T10:18:07.959" v="75994"/>
          <ac:spMkLst>
            <pc:docMk/>
            <pc:sldMk cId="1279582212" sldId="257"/>
            <ac:spMk id="2334" creationId="{421692CA-73D9-465B-A86D-150CD010CB68}"/>
          </ac:spMkLst>
        </pc:spChg>
        <pc:spChg chg="add del mod modVis">
          <ac:chgData name="Manuel Lidauer" userId="b55e45dd-c6cc-461d-bef5-835fc172e678" providerId="ADAL" clId="{BCD0C6F6-2D95-4A66-B702-D3858BC1FC00}" dt="2019-09-26T10:18:07.959" v="75996"/>
          <ac:spMkLst>
            <pc:docMk/>
            <pc:sldMk cId="1279582212" sldId="257"/>
            <ac:spMk id="2335" creationId="{74861C66-4344-4DAD-971F-9D786F29A431}"/>
          </ac:spMkLst>
        </pc:spChg>
        <pc:spChg chg="add del mod modVis">
          <ac:chgData name="Manuel Lidauer" userId="b55e45dd-c6cc-461d-bef5-835fc172e678" providerId="ADAL" clId="{BCD0C6F6-2D95-4A66-B702-D3858BC1FC00}" dt="2019-09-26T10:18:07.960" v="75998"/>
          <ac:spMkLst>
            <pc:docMk/>
            <pc:sldMk cId="1279582212" sldId="257"/>
            <ac:spMk id="2336" creationId="{C95FA8ED-9B57-4929-AF8F-5F6F683C05EE}"/>
          </ac:spMkLst>
        </pc:spChg>
        <pc:spChg chg="add del mod modVis">
          <ac:chgData name="Manuel Lidauer" userId="b55e45dd-c6cc-461d-bef5-835fc172e678" providerId="ADAL" clId="{BCD0C6F6-2D95-4A66-B702-D3858BC1FC00}" dt="2019-09-26T10:18:07.961" v="76000"/>
          <ac:spMkLst>
            <pc:docMk/>
            <pc:sldMk cId="1279582212" sldId="257"/>
            <ac:spMk id="2337" creationId="{677DF9F2-8EEE-492A-A6E9-EAB574DB62AE}"/>
          </ac:spMkLst>
        </pc:spChg>
        <pc:spChg chg="add del mod modVis">
          <ac:chgData name="Manuel Lidauer" userId="b55e45dd-c6cc-461d-bef5-835fc172e678" providerId="ADAL" clId="{BCD0C6F6-2D95-4A66-B702-D3858BC1FC00}" dt="2019-09-26T10:18:07.961" v="76002"/>
          <ac:spMkLst>
            <pc:docMk/>
            <pc:sldMk cId="1279582212" sldId="257"/>
            <ac:spMk id="2338" creationId="{F0657A2C-7279-47A9-933D-4F18A287FE5B}"/>
          </ac:spMkLst>
        </pc:spChg>
        <pc:spChg chg="add del mod modVis">
          <ac:chgData name="Manuel Lidauer" userId="b55e45dd-c6cc-461d-bef5-835fc172e678" providerId="ADAL" clId="{BCD0C6F6-2D95-4A66-B702-D3858BC1FC00}" dt="2019-09-26T10:18:07.962" v="76004"/>
          <ac:spMkLst>
            <pc:docMk/>
            <pc:sldMk cId="1279582212" sldId="257"/>
            <ac:spMk id="2339" creationId="{6BE47534-78FE-4B4F-A0C3-266EF74EEAE6}"/>
          </ac:spMkLst>
        </pc:spChg>
        <pc:spChg chg="add del mod modVis">
          <ac:chgData name="Manuel Lidauer" userId="b55e45dd-c6cc-461d-bef5-835fc172e678" providerId="ADAL" clId="{BCD0C6F6-2D95-4A66-B702-D3858BC1FC00}" dt="2019-09-26T10:18:07.963" v="76006"/>
          <ac:spMkLst>
            <pc:docMk/>
            <pc:sldMk cId="1279582212" sldId="257"/>
            <ac:spMk id="2340" creationId="{388F7574-253D-418E-9C77-699781225F88}"/>
          </ac:spMkLst>
        </pc:spChg>
        <pc:spChg chg="add del mod modVis">
          <ac:chgData name="Manuel Lidauer" userId="b55e45dd-c6cc-461d-bef5-835fc172e678" providerId="ADAL" clId="{BCD0C6F6-2D95-4A66-B702-D3858BC1FC00}" dt="2019-09-26T10:18:07.963" v="76007"/>
          <ac:spMkLst>
            <pc:docMk/>
            <pc:sldMk cId="1279582212" sldId="257"/>
            <ac:spMk id="2341" creationId="{B61CC206-A1F2-4237-A595-56D148B0CF59}"/>
          </ac:spMkLst>
        </pc:spChg>
        <pc:spChg chg="add del mod modVis">
          <ac:chgData name="Manuel Lidauer" userId="b55e45dd-c6cc-461d-bef5-835fc172e678" providerId="ADAL" clId="{BCD0C6F6-2D95-4A66-B702-D3858BC1FC00}" dt="2019-09-26T10:18:07.964" v="76009"/>
          <ac:spMkLst>
            <pc:docMk/>
            <pc:sldMk cId="1279582212" sldId="257"/>
            <ac:spMk id="2342" creationId="{9915E4D2-58A0-48A1-A43A-F4D5528E5FB2}"/>
          </ac:spMkLst>
        </pc:spChg>
        <pc:spChg chg="add del mod modVis">
          <ac:chgData name="Manuel Lidauer" userId="b55e45dd-c6cc-461d-bef5-835fc172e678" providerId="ADAL" clId="{BCD0C6F6-2D95-4A66-B702-D3858BC1FC00}" dt="2019-09-26T10:18:07.964" v="76011"/>
          <ac:spMkLst>
            <pc:docMk/>
            <pc:sldMk cId="1279582212" sldId="257"/>
            <ac:spMk id="2343" creationId="{EA619DCD-B971-4637-A426-2A715162628B}"/>
          </ac:spMkLst>
        </pc:spChg>
        <pc:spChg chg="add del mod modVis">
          <ac:chgData name="Manuel Lidauer" userId="b55e45dd-c6cc-461d-bef5-835fc172e678" providerId="ADAL" clId="{BCD0C6F6-2D95-4A66-B702-D3858BC1FC00}" dt="2019-09-26T10:18:07.965" v="76013"/>
          <ac:spMkLst>
            <pc:docMk/>
            <pc:sldMk cId="1279582212" sldId="257"/>
            <ac:spMk id="2344" creationId="{BC2C9313-E748-4409-8FDE-A04E575BF5F7}"/>
          </ac:spMkLst>
        </pc:spChg>
        <pc:spChg chg="add del mod modVis">
          <ac:chgData name="Manuel Lidauer" userId="b55e45dd-c6cc-461d-bef5-835fc172e678" providerId="ADAL" clId="{BCD0C6F6-2D95-4A66-B702-D3858BC1FC00}" dt="2019-09-26T10:18:07.966" v="76015"/>
          <ac:spMkLst>
            <pc:docMk/>
            <pc:sldMk cId="1279582212" sldId="257"/>
            <ac:spMk id="2345" creationId="{D5B7860A-FF25-4EB8-894B-36B5C2364B12}"/>
          </ac:spMkLst>
        </pc:spChg>
        <pc:spChg chg="add del mod modVis">
          <ac:chgData name="Manuel Lidauer" userId="b55e45dd-c6cc-461d-bef5-835fc172e678" providerId="ADAL" clId="{BCD0C6F6-2D95-4A66-B702-D3858BC1FC00}" dt="2019-09-26T10:18:07.966" v="76017"/>
          <ac:spMkLst>
            <pc:docMk/>
            <pc:sldMk cId="1279582212" sldId="257"/>
            <ac:spMk id="2346" creationId="{48A2D632-E4CC-47D3-A876-3DD68E5EE73A}"/>
          </ac:spMkLst>
        </pc:spChg>
        <pc:spChg chg="add del mod modVis">
          <ac:chgData name="Manuel Lidauer" userId="b55e45dd-c6cc-461d-bef5-835fc172e678" providerId="ADAL" clId="{BCD0C6F6-2D95-4A66-B702-D3858BC1FC00}" dt="2019-09-26T10:18:07.967" v="76019"/>
          <ac:spMkLst>
            <pc:docMk/>
            <pc:sldMk cId="1279582212" sldId="257"/>
            <ac:spMk id="2347" creationId="{E3B88BAB-6636-4736-8B3E-DD77E8F7E1EB}"/>
          </ac:spMkLst>
        </pc:spChg>
        <pc:spChg chg="add del mod modVis">
          <ac:chgData name="Manuel Lidauer" userId="b55e45dd-c6cc-461d-bef5-835fc172e678" providerId="ADAL" clId="{BCD0C6F6-2D95-4A66-B702-D3858BC1FC00}" dt="2019-09-26T10:18:07.967" v="76021"/>
          <ac:spMkLst>
            <pc:docMk/>
            <pc:sldMk cId="1279582212" sldId="257"/>
            <ac:spMk id="2348" creationId="{64E1E4F9-69A9-4473-8DF5-9690BB41616B}"/>
          </ac:spMkLst>
        </pc:spChg>
        <pc:spChg chg="add del mod modVis">
          <ac:chgData name="Manuel Lidauer" userId="b55e45dd-c6cc-461d-bef5-835fc172e678" providerId="ADAL" clId="{BCD0C6F6-2D95-4A66-B702-D3858BC1FC00}" dt="2019-09-26T10:18:07.968" v="76022"/>
          <ac:spMkLst>
            <pc:docMk/>
            <pc:sldMk cId="1279582212" sldId="257"/>
            <ac:spMk id="2349" creationId="{78E5F697-5A06-4158-9ACB-8F89B49D54E4}"/>
          </ac:spMkLst>
        </pc:spChg>
        <pc:spChg chg="add del mod modVis">
          <ac:chgData name="Manuel Lidauer" userId="b55e45dd-c6cc-461d-bef5-835fc172e678" providerId="ADAL" clId="{BCD0C6F6-2D95-4A66-B702-D3858BC1FC00}" dt="2019-09-26T10:18:07.969" v="76024"/>
          <ac:spMkLst>
            <pc:docMk/>
            <pc:sldMk cId="1279582212" sldId="257"/>
            <ac:spMk id="2350" creationId="{BC529CD7-5C98-419D-ADFD-B8E468026040}"/>
          </ac:spMkLst>
        </pc:spChg>
        <pc:spChg chg="add del mod modVis">
          <ac:chgData name="Manuel Lidauer" userId="b55e45dd-c6cc-461d-bef5-835fc172e678" providerId="ADAL" clId="{BCD0C6F6-2D95-4A66-B702-D3858BC1FC00}" dt="2019-09-26T10:18:07.970" v="76026"/>
          <ac:spMkLst>
            <pc:docMk/>
            <pc:sldMk cId="1279582212" sldId="257"/>
            <ac:spMk id="2351" creationId="{985B98CC-4394-4CEF-8996-B6E20625EEA8}"/>
          </ac:spMkLst>
        </pc:spChg>
        <pc:spChg chg="add del mod modVis">
          <ac:chgData name="Manuel Lidauer" userId="b55e45dd-c6cc-461d-bef5-835fc172e678" providerId="ADAL" clId="{BCD0C6F6-2D95-4A66-B702-D3858BC1FC00}" dt="2019-09-26T10:18:07.971" v="76028"/>
          <ac:spMkLst>
            <pc:docMk/>
            <pc:sldMk cId="1279582212" sldId="257"/>
            <ac:spMk id="2352" creationId="{EC0DE62D-3CD1-41E1-834E-345BACB867A4}"/>
          </ac:spMkLst>
        </pc:spChg>
        <pc:spChg chg="add del mod modVis">
          <ac:chgData name="Manuel Lidauer" userId="b55e45dd-c6cc-461d-bef5-835fc172e678" providerId="ADAL" clId="{BCD0C6F6-2D95-4A66-B702-D3858BC1FC00}" dt="2019-09-26T10:18:07.971" v="76030"/>
          <ac:spMkLst>
            <pc:docMk/>
            <pc:sldMk cId="1279582212" sldId="257"/>
            <ac:spMk id="2353" creationId="{F47DB869-8714-4102-BC7D-9C9629D906FC}"/>
          </ac:spMkLst>
        </pc:spChg>
        <pc:spChg chg="add del mod modVis">
          <ac:chgData name="Manuel Lidauer" userId="b55e45dd-c6cc-461d-bef5-835fc172e678" providerId="ADAL" clId="{BCD0C6F6-2D95-4A66-B702-D3858BC1FC00}" dt="2019-09-26T10:18:07.972" v="76032"/>
          <ac:spMkLst>
            <pc:docMk/>
            <pc:sldMk cId="1279582212" sldId="257"/>
            <ac:spMk id="2354" creationId="{0213003F-4CD5-4EE4-9B75-5F8DE8E8CDB4}"/>
          </ac:spMkLst>
        </pc:spChg>
        <pc:spChg chg="add del mod modVis">
          <ac:chgData name="Manuel Lidauer" userId="b55e45dd-c6cc-461d-bef5-835fc172e678" providerId="ADAL" clId="{BCD0C6F6-2D95-4A66-B702-D3858BC1FC00}" dt="2019-09-26T10:18:07.973" v="76034"/>
          <ac:spMkLst>
            <pc:docMk/>
            <pc:sldMk cId="1279582212" sldId="257"/>
            <ac:spMk id="2355" creationId="{A9B6472A-7EEA-4061-95CE-986189815BE1}"/>
          </ac:spMkLst>
        </pc:spChg>
        <pc:spChg chg="add del mod modVis">
          <ac:chgData name="Manuel Lidauer" userId="b55e45dd-c6cc-461d-bef5-835fc172e678" providerId="ADAL" clId="{BCD0C6F6-2D95-4A66-B702-D3858BC1FC00}" dt="2019-09-26T10:18:07.973" v="76036"/>
          <ac:spMkLst>
            <pc:docMk/>
            <pc:sldMk cId="1279582212" sldId="257"/>
            <ac:spMk id="2356" creationId="{C084E047-4875-4DDD-A5EB-BA899083F64A}"/>
          </ac:spMkLst>
        </pc:spChg>
        <pc:spChg chg="add del mod modVis">
          <ac:chgData name="Manuel Lidauer" userId="b55e45dd-c6cc-461d-bef5-835fc172e678" providerId="ADAL" clId="{BCD0C6F6-2D95-4A66-B702-D3858BC1FC00}" dt="2019-09-26T10:18:07.974" v="76037"/>
          <ac:spMkLst>
            <pc:docMk/>
            <pc:sldMk cId="1279582212" sldId="257"/>
            <ac:spMk id="2357" creationId="{AD36541F-387C-446A-A53C-3199B2A42B6A}"/>
          </ac:spMkLst>
        </pc:spChg>
        <pc:spChg chg="add del mod modVis">
          <ac:chgData name="Manuel Lidauer" userId="b55e45dd-c6cc-461d-bef5-835fc172e678" providerId="ADAL" clId="{BCD0C6F6-2D95-4A66-B702-D3858BC1FC00}" dt="2019-09-26T10:18:07.974" v="76039"/>
          <ac:spMkLst>
            <pc:docMk/>
            <pc:sldMk cId="1279582212" sldId="257"/>
            <ac:spMk id="2358" creationId="{1935AD5D-69D0-4F51-9F99-98EE40766094}"/>
          </ac:spMkLst>
        </pc:spChg>
        <pc:spChg chg="add del mod modVis">
          <ac:chgData name="Manuel Lidauer" userId="b55e45dd-c6cc-461d-bef5-835fc172e678" providerId="ADAL" clId="{BCD0C6F6-2D95-4A66-B702-D3858BC1FC00}" dt="2019-09-26T10:18:07.975" v="76041"/>
          <ac:spMkLst>
            <pc:docMk/>
            <pc:sldMk cId="1279582212" sldId="257"/>
            <ac:spMk id="2359" creationId="{7E378B8C-4179-48D7-9103-27044F7D3E5C}"/>
          </ac:spMkLst>
        </pc:spChg>
        <pc:spChg chg="add del mod modVis">
          <ac:chgData name="Manuel Lidauer" userId="b55e45dd-c6cc-461d-bef5-835fc172e678" providerId="ADAL" clId="{BCD0C6F6-2D95-4A66-B702-D3858BC1FC00}" dt="2019-09-26T10:18:07.976" v="76043"/>
          <ac:spMkLst>
            <pc:docMk/>
            <pc:sldMk cId="1279582212" sldId="257"/>
            <ac:spMk id="2360" creationId="{A7D09194-A55A-4EBB-B31B-E65D8B78F710}"/>
          </ac:spMkLst>
        </pc:spChg>
        <pc:spChg chg="add del mod modVis">
          <ac:chgData name="Manuel Lidauer" userId="b55e45dd-c6cc-461d-bef5-835fc172e678" providerId="ADAL" clId="{BCD0C6F6-2D95-4A66-B702-D3858BC1FC00}" dt="2019-09-26T10:18:07.976" v="76045"/>
          <ac:spMkLst>
            <pc:docMk/>
            <pc:sldMk cId="1279582212" sldId="257"/>
            <ac:spMk id="2361" creationId="{BC653FD3-9346-4E53-A42B-5F393DBABB39}"/>
          </ac:spMkLst>
        </pc:spChg>
        <pc:spChg chg="add del mod modVis">
          <ac:chgData name="Manuel Lidauer" userId="b55e45dd-c6cc-461d-bef5-835fc172e678" providerId="ADAL" clId="{BCD0C6F6-2D95-4A66-B702-D3858BC1FC00}" dt="2019-09-26T10:18:07.977" v="76047"/>
          <ac:spMkLst>
            <pc:docMk/>
            <pc:sldMk cId="1279582212" sldId="257"/>
            <ac:spMk id="2362" creationId="{59786376-0D82-44AF-97F3-411E8E9D4D0F}"/>
          </ac:spMkLst>
        </pc:spChg>
        <pc:spChg chg="add del mod modVis">
          <ac:chgData name="Manuel Lidauer" userId="b55e45dd-c6cc-461d-bef5-835fc172e678" providerId="ADAL" clId="{BCD0C6F6-2D95-4A66-B702-D3858BC1FC00}" dt="2019-09-26T10:18:07.978" v="76049"/>
          <ac:spMkLst>
            <pc:docMk/>
            <pc:sldMk cId="1279582212" sldId="257"/>
            <ac:spMk id="2363" creationId="{119407D4-EA85-4F4B-A48F-51E55DC3C64A}"/>
          </ac:spMkLst>
        </pc:spChg>
        <pc:spChg chg="add del mod modVis">
          <ac:chgData name="Manuel Lidauer" userId="b55e45dd-c6cc-461d-bef5-835fc172e678" providerId="ADAL" clId="{BCD0C6F6-2D95-4A66-B702-D3858BC1FC00}" dt="2019-09-26T10:18:07.978" v="76051"/>
          <ac:spMkLst>
            <pc:docMk/>
            <pc:sldMk cId="1279582212" sldId="257"/>
            <ac:spMk id="2364" creationId="{1448554D-8117-4F95-9D76-081E26009450}"/>
          </ac:spMkLst>
        </pc:spChg>
        <pc:spChg chg="add del mod modVis">
          <ac:chgData name="Manuel Lidauer" userId="b55e45dd-c6cc-461d-bef5-835fc172e678" providerId="ADAL" clId="{BCD0C6F6-2D95-4A66-B702-D3858BC1FC00}" dt="2019-09-26T10:18:07.979" v="76052"/>
          <ac:spMkLst>
            <pc:docMk/>
            <pc:sldMk cId="1279582212" sldId="257"/>
            <ac:spMk id="2365" creationId="{914680B0-2639-42A8-9427-781360A87839}"/>
          </ac:spMkLst>
        </pc:spChg>
        <pc:spChg chg="add del mod modVis">
          <ac:chgData name="Manuel Lidauer" userId="b55e45dd-c6cc-461d-bef5-835fc172e678" providerId="ADAL" clId="{BCD0C6F6-2D95-4A66-B702-D3858BC1FC00}" dt="2019-09-26T10:18:07.979" v="76054"/>
          <ac:spMkLst>
            <pc:docMk/>
            <pc:sldMk cId="1279582212" sldId="257"/>
            <ac:spMk id="2366" creationId="{C8977066-B944-4337-84FC-D8913172EA66}"/>
          </ac:spMkLst>
        </pc:spChg>
        <pc:spChg chg="add del mod modVis">
          <ac:chgData name="Manuel Lidauer" userId="b55e45dd-c6cc-461d-bef5-835fc172e678" providerId="ADAL" clId="{BCD0C6F6-2D95-4A66-B702-D3858BC1FC00}" dt="2019-09-26T10:18:07.980" v="76056"/>
          <ac:spMkLst>
            <pc:docMk/>
            <pc:sldMk cId="1279582212" sldId="257"/>
            <ac:spMk id="2367" creationId="{6849EA9C-B0B4-4F5A-A0D7-BDC3D67F0143}"/>
          </ac:spMkLst>
        </pc:spChg>
        <pc:spChg chg="add del mod modVis">
          <ac:chgData name="Manuel Lidauer" userId="b55e45dd-c6cc-461d-bef5-835fc172e678" providerId="ADAL" clId="{BCD0C6F6-2D95-4A66-B702-D3858BC1FC00}" dt="2019-09-26T10:18:07.981" v="76058"/>
          <ac:spMkLst>
            <pc:docMk/>
            <pc:sldMk cId="1279582212" sldId="257"/>
            <ac:spMk id="2368" creationId="{0C731DE2-9C04-41DE-AA01-95237CABC999}"/>
          </ac:spMkLst>
        </pc:spChg>
        <pc:spChg chg="add del mod modVis">
          <ac:chgData name="Manuel Lidauer" userId="b55e45dd-c6cc-461d-bef5-835fc172e678" providerId="ADAL" clId="{BCD0C6F6-2D95-4A66-B702-D3858BC1FC00}" dt="2019-09-26T10:18:07.982" v="76060"/>
          <ac:spMkLst>
            <pc:docMk/>
            <pc:sldMk cId="1279582212" sldId="257"/>
            <ac:spMk id="2369" creationId="{E7D4D88F-EF2E-4DD5-8860-B3353745B524}"/>
          </ac:spMkLst>
        </pc:spChg>
        <pc:spChg chg="add del mod modVis">
          <ac:chgData name="Manuel Lidauer" userId="b55e45dd-c6cc-461d-bef5-835fc172e678" providerId="ADAL" clId="{BCD0C6F6-2D95-4A66-B702-D3858BC1FC00}" dt="2019-09-26T10:18:07.982" v="76062"/>
          <ac:spMkLst>
            <pc:docMk/>
            <pc:sldMk cId="1279582212" sldId="257"/>
            <ac:spMk id="2370" creationId="{F1DADC4F-0A2F-4290-86E5-7E9C879AD0EE}"/>
          </ac:spMkLst>
        </pc:spChg>
        <pc:spChg chg="add del mod modVis">
          <ac:chgData name="Manuel Lidauer" userId="b55e45dd-c6cc-461d-bef5-835fc172e678" providerId="ADAL" clId="{BCD0C6F6-2D95-4A66-B702-D3858BC1FC00}" dt="2019-09-26T10:18:07.983" v="76064"/>
          <ac:spMkLst>
            <pc:docMk/>
            <pc:sldMk cId="1279582212" sldId="257"/>
            <ac:spMk id="2371" creationId="{1FF7BAE3-5494-4652-9E30-DA0AED5CE58C}"/>
          </ac:spMkLst>
        </pc:spChg>
        <pc:spChg chg="add del mod modVis">
          <ac:chgData name="Manuel Lidauer" userId="b55e45dd-c6cc-461d-bef5-835fc172e678" providerId="ADAL" clId="{BCD0C6F6-2D95-4A66-B702-D3858BC1FC00}" dt="2019-09-26T10:18:07.984" v="76066"/>
          <ac:spMkLst>
            <pc:docMk/>
            <pc:sldMk cId="1279582212" sldId="257"/>
            <ac:spMk id="2372" creationId="{C1085B3F-5E94-430C-A52A-5251578DDE91}"/>
          </ac:spMkLst>
        </pc:spChg>
        <pc:spChg chg="add del mod modVis">
          <ac:chgData name="Manuel Lidauer" userId="b55e45dd-c6cc-461d-bef5-835fc172e678" providerId="ADAL" clId="{BCD0C6F6-2D95-4A66-B702-D3858BC1FC00}" dt="2019-09-26T10:18:07.984" v="76067"/>
          <ac:spMkLst>
            <pc:docMk/>
            <pc:sldMk cId="1279582212" sldId="257"/>
            <ac:spMk id="2373" creationId="{8EB53705-3597-48DC-B704-DD40A0A85CCC}"/>
          </ac:spMkLst>
        </pc:spChg>
        <pc:spChg chg="add del mod modVis">
          <ac:chgData name="Manuel Lidauer" userId="b55e45dd-c6cc-461d-bef5-835fc172e678" providerId="ADAL" clId="{BCD0C6F6-2D95-4A66-B702-D3858BC1FC00}" dt="2019-09-26T10:18:07.985" v="76069"/>
          <ac:spMkLst>
            <pc:docMk/>
            <pc:sldMk cId="1279582212" sldId="257"/>
            <ac:spMk id="2374" creationId="{7076FAC7-0620-42BC-A557-7A1D65A49BB4}"/>
          </ac:spMkLst>
        </pc:spChg>
        <pc:spChg chg="add del mod modVis">
          <ac:chgData name="Manuel Lidauer" userId="b55e45dd-c6cc-461d-bef5-835fc172e678" providerId="ADAL" clId="{BCD0C6F6-2D95-4A66-B702-D3858BC1FC00}" dt="2019-09-26T10:18:07.985" v="76071"/>
          <ac:spMkLst>
            <pc:docMk/>
            <pc:sldMk cId="1279582212" sldId="257"/>
            <ac:spMk id="2375" creationId="{136A0C3C-22E7-4076-853E-0ADBE24CBE79}"/>
          </ac:spMkLst>
        </pc:spChg>
        <pc:spChg chg="add del mod modVis">
          <ac:chgData name="Manuel Lidauer" userId="b55e45dd-c6cc-461d-bef5-835fc172e678" providerId="ADAL" clId="{BCD0C6F6-2D95-4A66-B702-D3858BC1FC00}" dt="2019-09-26T10:18:07.986" v="76073"/>
          <ac:spMkLst>
            <pc:docMk/>
            <pc:sldMk cId="1279582212" sldId="257"/>
            <ac:spMk id="2376" creationId="{174F818D-BF1E-4065-9E58-A9227D6001AA}"/>
          </ac:spMkLst>
        </pc:spChg>
        <pc:spChg chg="add del mod modVis">
          <ac:chgData name="Manuel Lidauer" userId="b55e45dd-c6cc-461d-bef5-835fc172e678" providerId="ADAL" clId="{BCD0C6F6-2D95-4A66-B702-D3858BC1FC00}" dt="2019-09-26T10:18:07.987" v="76075"/>
          <ac:spMkLst>
            <pc:docMk/>
            <pc:sldMk cId="1279582212" sldId="257"/>
            <ac:spMk id="2377" creationId="{5AA41419-9FC8-4AD8-89A3-192DC1C0CF03}"/>
          </ac:spMkLst>
        </pc:spChg>
        <pc:spChg chg="add del mod modVis">
          <ac:chgData name="Manuel Lidauer" userId="b55e45dd-c6cc-461d-bef5-835fc172e678" providerId="ADAL" clId="{BCD0C6F6-2D95-4A66-B702-D3858BC1FC00}" dt="2019-09-26T10:18:07.988" v="76077"/>
          <ac:spMkLst>
            <pc:docMk/>
            <pc:sldMk cId="1279582212" sldId="257"/>
            <ac:spMk id="2378" creationId="{2A84D6E3-83B1-4196-9068-BC511C0D0362}"/>
          </ac:spMkLst>
        </pc:spChg>
        <pc:spChg chg="add del mod modVis">
          <ac:chgData name="Manuel Lidauer" userId="b55e45dd-c6cc-461d-bef5-835fc172e678" providerId="ADAL" clId="{BCD0C6F6-2D95-4A66-B702-D3858BC1FC00}" dt="2019-09-26T10:18:07.989" v="76079"/>
          <ac:spMkLst>
            <pc:docMk/>
            <pc:sldMk cId="1279582212" sldId="257"/>
            <ac:spMk id="2379" creationId="{71C222F1-1C65-4243-A187-81FD0702D814}"/>
          </ac:spMkLst>
        </pc:spChg>
        <pc:spChg chg="add del mod modVis">
          <ac:chgData name="Manuel Lidauer" userId="b55e45dd-c6cc-461d-bef5-835fc172e678" providerId="ADAL" clId="{BCD0C6F6-2D95-4A66-B702-D3858BC1FC00}" dt="2019-09-26T10:18:07.990" v="76081"/>
          <ac:spMkLst>
            <pc:docMk/>
            <pc:sldMk cId="1279582212" sldId="257"/>
            <ac:spMk id="2380" creationId="{4C2B22C6-DAE0-49C3-8C0A-18E93FEADD61}"/>
          </ac:spMkLst>
        </pc:spChg>
        <pc:spChg chg="add del mod modVis">
          <ac:chgData name="Manuel Lidauer" userId="b55e45dd-c6cc-461d-bef5-835fc172e678" providerId="ADAL" clId="{BCD0C6F6-2D95-4A66-B702-D3858BC1FC00}" dt="2019-09-26T10:18:07.990" v="76082"/>
          <ac:spMkLst>
            <pc:docMk/>
            <pc:sldMk cId="1279582212" sldId="257"/>
            <ac:spMk id="2381" creationId="{B8B8A0B0-E679-4D9E-80CB-8B61523DAE45}"/>
          </ac:spMkLst>
        </pc:spChg>
        <pc:spChg chg="add del mod modVis">
          <ac:chgData name="Manuel Lidauer" userId="b55e45dd-c6cc-461d-bef5-835fc172e678" providerId="ADAL" clId="{BCD0C6F6-2D95-4A66-B702-D3858BC1FC00}" dt="2019-09-26T10:18:07.991" v="76084"/>
          <ac:spMkLst>
            <pc:docMk/>
            <pc:sldMk cId="1279582212" sldId="257"/>
            <ac:spMk id="2382" creationId="{8E293478-AD20-4C51-8143-605D9E79A6E0}"/>
          </ac:spMkLst>
        </pc:spChg>
        <pc:spChg chg="add del mod modVis">
          <ac:chgData name="Manuel Lidauer" userId="b55e45dd-c6cc-461d-bef5-835fc172e678" providerId="ADAL" clId="{BCD0C6F6-2D95-4A66-B702-D3858BC1FC00}" dt="2019-09-26T10:18:07.991" v="76086"/>
          <ac:spMkLst>
            <pc:docMk/>
            <pc:sldMk cId="1279582212" sldId="257"/>
            <ac:spMk id="2383" creationId="{87FD2A44-42CF-4191-A684-14D1F04D1A3D}"/>
          </ac:spMkLst>
        </pc:spChg>
        <pc:spChg chg="add del mod modVis">
          <ac:chgData name="Manuel Lidauer" userId="b55e45dd-c6cc-461d-bef5-835fc172e678" providerId="ADAL" clId="{BCD0C6F6-2D95-4A66-B702-D3858BC1FC00}" dt="2019-09-26T10:18:07.992" v="76088"/>
          <ac:spMkLst>
            <pc:docMk/>
            <pc:sldMk cId="1279582212" sldId="257"/>
            <ac:spMk id="2384" creationId="{5F8530DA-72AF-46C9-9694-DE41E37FC353}"/>
          </ac:spMkLst>
        </pc:spChg>
        <pc:spChg chg="add del mod modVis">
          <ac:chgData name="Manuel Lidauer" userId="b55e45dd-c6cc-461d-bef5-835fc172e678" providerId="ADAL" clId="{BCD0C6F6-2D95-4A66-B702-D3858BC1FC00}" dt="2019-09-26T10:18:07.992" v="76090"/>
          <ac:spMkLst>
            <pc:docMk/>
            <pc:sldMk cId="1279582212" sldId="257"/>
            <ac:spMk id="2385" creationId="{4698B88B-EE2A-444A-90D0-F9D41AD35E59}"/>
          </ac:spMkLst>
        </pc:spChg>
        <pc:spChg chg="add del mod modVis">
          <ac:chgData name="Manuel Lidauer" userId="b55e45dd-c6cc-461d-bef5-835fc172e678" providerId="ADAL" clId="{BCD0C6F6-2D95-4A66-B702-D3858BC1FC00}" dt="2019-09-26T10:18:07.993" v="76092"/>
          <ac:spMkLst>
            <pc:docMk/>
            <pc:sldMk cId="1279582212" sldId="257"/>
            <ac:spMk id="2386" creationId="{5A87A507-3DEA-4451-85D5-DF42AE6CA312}"/>
          </ac:spMkLst>
        </pc:spChg>
        <pc:spChg chg="add del mod modVis">
          <ac:chgData name="Manuel Lidauer" userId="b55e45dd-c6cc-461d-bef5-835fc172e678" providerId="ADAL" clId="{BCD0C6F6-2D95-4A66-B702-D3858BC1FC00}" dt="2019-09-26T10:18:07.994" v="76094"/>
          <ac:spMkLst>
            <pc:docMk/>
            <pc:sldMk cId="1279582212" sldId="257"/>
            <ac:spMk id="2387" creationId="{BE5DABC1-8C83-4668-BCD0-5AC37DB7F31C}"/>
          </ac:spMkLst>
        </pc:spChg>
        <pc:spChg chg="add del mod modVis">
          <ac:chgData name="Manuel Lidauer" userId="b55e45dd-c6cc-461d-bef5-835fc172e678" providerId="ADAL" clId="{BCD0C6F6-2D95-4A66-B702-D3858BC1FC00}" dt="2019-09-26T10:18:07.995" v="76096"/>
          <ac:spMkLst>
            <pc:docMk/>
            <pc:sldMk cId="1279582212" sldId="257"/>
            <ac:spMk id="2388" creationId="{8EEC6D04-CB8F-438F-9B27-FBACA97DDF27}"/>
          </ac:spMkLst>
        </pc:spChg>
        <pc:spChg chg="add del mod modVis">
          <ac:chgData name="Manuel Lidauer" userId="b55e45dd-c6cc-461d-bef5-835fc172e678" providerId="ADAL" clId="{BCD0C6F6-2D95-4A66-B702-D3858BC1FC00}" dt="2019-09-26T10:18:07.995" v="76097"/>
          <ac:spMkLst>
            <pc:docMk/>
            <pc:sldMk cId="1279582212" sldId="257"/>
            <ac:spMk id="2389" creationId="{CD350781-CF4E-4FC9-BA41-11FAA49D503D}"/>
          </ac:spMkLst>
        </pc:spChg>
        <pc:spChg chg="add del mod modVis">
          <ac:chgData name="Manuel Lidauer" userId="b55e45dd-c6cc-461d-bef5-835fc172e678" providerId="ADAL" clId="{BCD0C6F6-2D95-4A66-B702-D3858BC1FC00}" dt="2019-09-26T10:18:07.996" v="76099"/>
          <ac:spMkLst>
            <pc:docMk/>
            <pc:sldMk cId="1279582212" sldId="257"/>
            <ac:spMk id="2390" creationId="{0DCF3A3D-C47D-4AA1-8F08-EF127BFE9AA1}"/>
          </ac:spMkLst>
        </pc:spChg>
        <pc:spChg chg="add del mod modVis">
          <ac:chgData name="Manuel Lidauer" userId="b55e45dd-c6cc-461d-bef5-835fc172e678" providerId="ADAL" clId="{BCD0C6F6-2D95-4A66-B702-D3858BC1FC00}" dt="2019-09-26T10:18:07.996" v="76101"/>
          <ac:spMkLst>
            <pc:docMk/>
            <pc:sldMk cId="1279582212" sldId="257"/>
            <ac:spMk id="2391" creationId="{F1E82712-8616-4B78-B8AB-E202C3BD72A2}"/>
          </ac:spMkLst>
        </pc:spChg>
        <pc:spChg chg="add del mod modVis">
          <ac:chgData name="Manuel Lidauer" userId="b55e45dd-c6cc-461d-bef5-835fc172e678" providerId="ADAL" clId="{BCD0C6F6-2D95-4A66-B702-D3858BC1FC00}" dt="2019-09-26T10:18:07.997" v="76103"/>
          <ac:spMkLst>
            <pc:docMk/>
            <pc:sldMk cId="1279582212" sldId="257"/>
            <ac:spMk id="2392" creationId="{8E082FAA-D5BF-4724-84DF-6FD11282DA69}"/>
          </ac:spMkLst>
        </pc:spChg>
        <pc:spChg chg="add del mod modVis">
          <ac:chgData name="Manuel Lidauer" userId="b55e45dd-c6cc-461d-bef5-835fc172e678" providerId="ADAL" clId="{BCD0C6F6-2D95-4A66-B702-D3858BC1FC00}" dt="2019-09-26T10:18:07.998" v="76105"/>
          <ac:spMkLst>
            <pc:docMk/>
            <pc:sldMk cId="1279582212" sldId="257"/>
            <ac:spMk id="2393" creationId="{DDB76D9B-BBAC-4C53-A4FB-18BBD09DE3E2}"/>
          </ac:spMkLst>
        </pc:spChg>
        <pc:spChg chg="add del mod modVis">
          <ac:chgData name="Manuel Lidauer" userId="b55e45dd-c6cc-461d-bef5-835fc172e678" providerId="ADAL" clId="{BCD0C6F6-2D95-4A66-B702-D3858BC1FC00}" dt="2019-09-26T10:18:07.998" v="76107"/>
          <ac:spMkLst>
            <pc:docMk/>
            <pc:sldMk cId="1279582212" sldId="257"/>
            <ac:spMk id="2394" creationId="{10A8A2E7-7D48-4828-A479-7E3404443EFE}"/>
          </ac:spMkLst>
        </pc:spChg>
        <pc:spChg chg="add del mod modVis">
          <ac:chgData name="Manuel Lidauer" userId="b55e45dd-c6cc-461d-bef5-835fc172e678" providerId="ADAL" clId="{BCD0C6F6-2D95-4A66-B702-D3858BC1FC00}" dt="2019-09-26T10:18:07.999" v="76109"/>
          <ac:spMkLst>
            <pc:docMk/>
            <pc:sldMk cId="1279582212" sldId="257"/>
            <ac:spMk id="2395" creationId="{C025713C-25EE-48F9-A335-21E19FACA19D}"/>
          </ac:spMkLst>
        </pc:spChg>
        <pc:spChg chg="add del mod modVis">
          <ac:chgData name="Manuel Lidauer" userId="b55e45dd-c6cc-461d-bef5-835fc172e678" providerId="ADAL" clId="{BCD0C6F6-2D95-4A66-B702-D3858BC1FC00}" dt="2019-09-26T10:18:07.999" v="76111"/>
          <ac:spMkLst>
            <pc:docMk/>
            <pc:sldMk cId="1279582212" sldId="257"/>
            <ac:spMk id="2396" creationId="{A3EB65E6-F6A0-4862-9AFE-33BBEFB95477}"/>
          </ac:spMkLst>
        </pc:spChg>
        <pc:spChg chg="add del mod modVis">
          <ac:chgData name="Manuel Lidauer" userId="b55e45dd-c6cc-461d-bef5-835fc172e678" providerId="ADAL" clId="{BCD0C6F6-2D95-4A66-B702-D3858BC1FC00}" dt="2019-09-26T10:18:08" v="76112"/>
          <ac:spMkLst>
            <pc:docMk/>
            <pc:sldMk cId="1279582212" sldId="257"/>
            <ac:spMk id="2397" creationId="{248C7D96-956E-49A3-B678-3A46C195B582}"/>
          </ac:spMkLst>
        </pc:spChg>
        <pc:spChg chg="add del mod modVis">
          <ac:chgData name="Manuel Lidauer" userId="b55e45dd-c6cc-461d-bef5-835fc172e678" providerId="ADAL" clId="{BCD0C6F6-2D95-4A66-B702-D3858BC1FC00}" dt="2019-09-26T10:18:08" v="76114"/>
          <ac:spMkLst>
            <pc:docMk/>
            <pc:sldMk cId="1279582212" sldId="257"/>
            <ac:spMk id="2398" creationId="{3C5CF58E-3296-4AC9-B434-9AED189A38B3}"/>
          </ac:spMkLst>
        </pc:spChg>
        <pc:spChg chg="add del mod modVis">
          <ac:chgData name="Manuel Lidauer" userId="b55e45dd-c6cc-461d-bef5-835fc172e678" providerId="ADAL" clId="{BCD0C6F6-2D95-4A66-B702-D3858BC1FC00}" dt="2019-09-26T10:18:08.001" v="76116"/>
          <ac:spMkLst>
            <pc:docMk/>
            <pc:sldMk cId="1279582212" sldId="257"/>
            <ac:spMk id="2399" creationId="{DD1BB1C7-3F64-4FF1-AFBF-A0C3F14640F9}"/>
          </ac:spMkLst>
        </pc:spChg>
        <pc:spChg chg="add del mod modVis">
          <ac:chgData name="Manuel Lidauer" userId="b55e45dd-c6cc-461d-bef5-835fc172e678" providerId="ADAL" clId="{BCD0C6F6-2D95-4A66-B702-D3858BC1FC00}" dt="2019-09-26T10:18:08.002" v="76118"/>
          <ac:spMkLst>
            <pc:docMk/>
            <pc:sldMk cId="1279582212" sldId="257"/>
            <ac:spMk id="2400" creationId="{87CD86C5-7668-4C46-A01E-2FC02EB4F5C9}"/>
          </ac:spMkLst>
        </pc:spChg>
        <pc:spChg chg="add del mod modVis">
          <ac:chgData name="Manuel Lidauer" userId="b55e45dd-c6cc-461d-bef5-835fc172e678" providerId="ADAL" clId="{BCD0C6F6-2D95-4A66-B702-D3858BC1FC00}" dt="2019-09-26T10:18:08.003" v="76120"/>
          <ac:spMkLst>
            <pc:docMk/>
            <pc:sldMk cId="1279582212" sldId="257"/>
            <ac:spMk id="2401" creationId="{E4C02449-6D9B-4DEA-A28B-53139F1BCDF0}"/>
          </ac:spMkLst>
        </pc:spChg>
        <pc:spChg chg="add del mod modVis">
          <ac:chgData name="Manuel Lidauer" userId="b55e45dd-c6cc-461d-bef5-835fc172e678" providerId="ADAL" clId="{BCD0C6F6-2D95-4A66-B702-D3858BC1FC00}" dt="2019-09-26T10:18:08.004" v="76122"/>
          <ac:spMkLst>
            <pc:docMk/>
            <pc:sldMk cId="1279582212" sldId="257"/>
            <ac:spMk id="2402" creationId="{99E821C9-133A-4816-A784-D0A02DF6A023}"/>
          </ac:spMkLst>
        </pc:spChg>
        <pc:spChg chg="add del mod modVis">
          <ac:chgData name="Manuel Lidauer" userId="b55e45dd-c6cc-461d-bef5-835fc172e678" providerId="ADAL" clId="{BCD0C6F6-2D95-4A66-B702-D3858BC1FC00}" dt="2019-09-26T10:18:08.005" v="76124"/>
          <ac:spMkLst>
            <pc:docMk/>
            <pc:sldMk cId="1279582212" sldId="257"/>
            <ac:spMk id="2403" creationId="{39EBD85A-9577-47D0-883E-41A9209E692C}"/>
          </ac:spMkLst>
        </pc:spChg>
        <pc:spChg chg="add del mod modVis">
          <ac:chgData name="Manuel Lidauer" userId="b55e45dd-c6cc-461d-bef5-835fc172e678" providerId="ADAL" clId="{BCD0C6F6-2D95-4A66-B702-D3858BC1FC00}" dt="2019-09-26T10:18:08.005" v="76126"/>
          <ac:spMkLst>
            <pc:docMk/>
            <pc:sldMk cId="1279582212" sldId="257"/>
            <ac:spMk id="2404" creationId="{B3144E50-BD06-4FFD-8ED5-148E9091D7AD}"/>
          </ac:spMkLst>
        </pc:spChg>
        <pc:spChg chg="add del mod modVis">
          <ac:chgData name="Manuel Lidauer" userId="b55e45dd-c6cc-461d-bef5-835fc172e678" providerId="ADAL" clId="{BCD0C6F6-2D95-4A66-B702-D3858BC1FC00}" dt="2019-09-26T10:18:08.006" v="76127"/>
          <ac:spMkLst>
            <pc:docMk/>
            <pc:sldMk cId="1279582212" sldId="257"/>
            <ac:spMk id="2405" creationId="{EB6E4519-D95F-4D32-ADF4-14B73017ED24}"/>
          </ac:spMkLst>
        </pc:spChg>
        <pc:spChg chg="add del mod modVis">
          <ac:chgData name="Manuel Lidauer" userId="b55e45dd-c6cc-461d-bef5-835fc172e678" providerId="ADAL" clId="{BCD0C6F6-2D95-4A66-B702-D3858BC1FC00}" dt="2019-09-26T10:18:08.006" v="76129"/>
          <ac:spMkLst>
            <pc:docMk/>
            <pc:sldMk cId="1279582212" sldId="257"/>
            <ac:spMk id="2406" creationId="{C6CFACFF-DA03-4CAF-A2CB-9D328876AE6A}"/>
          </ac:spMkLst>
        </pc:spChg>
        <pc:spChg chg="add del mod modVis">
          <ac:chgData name="Manuel Lidauer" userId="b55e45dd-c6cc-461d-bef5-835fc172e678" providerId="ADAL" clId="{BCD0C6F6-2D95-4A66-B702-D3858BC1FC00}" dt="2019-09-26T10:18:08.007" v="76131"/>
          <ac:spMkLst>
            <pc:docMk/>
            <pc:sldMk cId="1279582212" sldId="257"/>
            <ac:spMk id="2407" creationId="{74EA36E6-DFAD-49F8-A5CD-EF4D1E087E39}"/>
          </ac:spMkLst>
        </pc:spChg>
        <pc:spChg chg="add del mod modVis">
          <ac:chgData name="Manuel Lidauer" userId="b55e45dd-c6cc-461d-bef5-835fc172e678" providerId="ADAL" clId="{BCD0C6F6-2D95-4A66-B702-D3858BC1FC00}" dt="2019-09-26T10:18:08.008" v="76133"/>
          <ac:spMkLst>
            <pc:docMk/>
            <pc:sldMk cId="1279582212" sldId="257"/>
            <ac:spMk id="2408" creationId="{BD67E1FE-2BD5-4199-8F0D-D50675DE8518}"/>
          </ac:spMkLst>
        </pc:spChg>
        <pc:spChg chg="add del mod modVis">
          <ac:chgData name="Manuel Lidauer" userId="b55e45dd-c6cc-461d-bef5-835fc172e678" providerId="ADAL" clId="{BCD0C6F6-2D95-4A66-B702-D3858BC1FC00}" dt="2019-09-26T10:18:08.008" v="76135"/>
          <ac:spMkLst>
            <pc:docMk/>
            <pc:sldMk cId="1279582212" sldId="257"/>
            <ac:spMk id="2409" creationId="{1D36B597-8629-487E-B921-D551C7BCA6C1}"/>
          </ac:spMkLst>
        </pc:spChg>
        <pc:spChg chg="add del mod modVis">
          <ac:chgData name="Manuel Lidauer" userId="b55e45dd-c6cc-461d-bef5-835fc172e678" providerId="ADAL" clId="{BCD0C6F6-2D95-4A66-B702-D3858BC1FC00}" dt="2019-09-26T10:18:08.009" v="76137"/>
          <ac:spMkLst>
            <pc:docMk/>
            <pc:sldMk cId="1279582212" sldId="257"/>
            <ac:spMk id="2410" creationId="{41EE951D-5F5E-480B-A338-60DF0D930DEA}"/>
          </ac:spMkLst>
        </pc:spChg>
        <pc:spChg chg="add del mod modVis">
          <ac:chgData name="Manuel Lidauer" userId="b55e45dd-c6cc-461d-bef5-835fc172e678" providerId="ADAL" clId="{BCD0C6F6-2D95-4A66-B702-D3858BC1FC00}" dt="2019-09-26T10:18:08.010" v="76139"/>
          <ac:spMkLst>
            <pc:docMk/>
            <pc:sldMk cId="1279582212" sldId="257"/>
            <ac:spMk id="2411" creationId="{A6C70CA0-13B4-42BD-BECB-88FA2DE05767}"/>
          </ac:spMkLst>
        </pc:spChg>
        <pc:spChg chg="add del mod modVis">
          <ac:chgData name="Manuel Lidauer" userId="b55e45dd-c6cc-461d-bef5-835fc172e678" providerId="ADAL" clId="{BCD0C6F6-2D95-4A66-B702-D3858BC1FC00}" dt="2019-09-26T10:18:08.011" v="76141"/>
          <ac:spMkLst>
            <pc:docMk/>
            <pc:sldMk cId="1279582212" sldId="257"/>
            <ac:spMk id="2412" creationId="{55BFCC6A-6D28-4D65-AD8E-CD6B4E10A86E}"/>
          </ac:spMkLst>
        </pc:spChg>
        <pc:spChg chg="add del mod modVis">
          <ac:chgData name="Manuel Lidauer" userId="b55e45dd-c6cc-461d-bef5-835fc172e678" providerId="ADAL" clId="{BCD0C6F6-2D95-4A66-B702-D3858BC1FC00}" dt="2019-09-26T10:18:08.011" v="76142"/>
          <ac:spMkLst>
            <pc:docMk/>
            <pc:sldMk cId="1279582212" sldId="257"/>
            <ac:spMk id="2413" creationId="{220B5905-BBBC-4BA8-ACAE-E7DA9E7D207E}"/>
          </ac:spMkLst>
        </pc:spChg>
        <pc:spChg chg="add del mod modVis">
          <ac:chgData name="Manuel Lidauer" userId="b55e45dd-c6cc-461d-bef5-835fc172e678" providerId="ADAL" clId="{BCD0C6F6-2D95-4A66-B702-D3858BC1FC00}" dt="2019-09-26T10:18:08.012" v="76144"/>
          <ac:spMkLst>
            <pc:docMk/>
            <pc:sldMk cId="1279582212" sldId="257"/>
            <ac:spMk id="2414" creationId="{2047D161-545D-4686-9CFC-CEE53A60B693}"/>
          </ac:spMkLst>
        </pc:spChg>
        <pc:spChg chg="add del mod modVis">
          <ac:chgData name="Manuel Lidauer" userId="b55e45dd-c6cc-461d-bef5-835fc172e678" providerId="ADAL" clId="{BCD0C6F6-2D95-4A66-B702-D3858BC1FC00}" dt="2019-09-26T10:18:08.013" v="76146"/>
          <ac:spMkLst>
            <pc:docMk/>
            <pc:sldMk cId="1279582212" sldId="257"/>
            <ac:spMk id="2415" creationId="{2AC0BC7B-8352-46AD-9060-45DFC449A3CB}"/>
          </ac:spMkLst>
        </pc:spChg>
        <pc:spChg chg="add del mod modVis">
          <ac:chgData name="Manuel Lidauer" userId="b55e45dd-c6cc-461d-bef5-835fc172e678" providerId="ADAL" clId="{BCD0C6F6-2D95-4A66-B702-D3858BC1FC00}" dt="2019-09-26T10:18:08.013" v="76148"/>
          <ac:spMkLst>
            <pc:docMk/>
            <pc:sldMk cId="1279582212" sldId="257"/>
            <ac:spMk id="2416" creationId="{1B129189-0ED9-4C71-A696-4F7E1D3366E5}"/>
          </ac:spMkLst>
        </pc:spChg>
        <pc:spChg chg="add del mod modVis">
          <ac:chgData name="Manuel Lidauer" userId="b55e45dd-c6cc-461d-bef5-835fc172e678" providerId="ADAL" clId="{BCD0C6F6-2D95-4A66-B702-D3858BC1FC00}" dt="2019-09-26T10:18:08.014" v="76150"/>
          <ac:spMkLst>
            <pc:docMk/>
            <pc:sldMk cId="1279582212" sldId="257"/>
            <ac:spMk id="2417" creationId="{D535EF91-944E-4C5A-8F57-09F567B82394}"/>
          </ac:spMkLst>
        </pc:spChg>
        <pc:spChg chg="add del mod modVis">
          <ac:chgData name="Manuel Lidauer" userId="b55e45dd-c6cc-461d-bef5-835fc172e678" providerId="ADAL" clId="{BCD0C6F6-2D95-4A66-B702-D3858BC1FC00}" dt="2019-09-26T10:18:08.014" v="76152"/>
          <ac:spMkLst>
            <pc:docMk/>
            <pc:sldMk cId="1279582212" sldId="257"/>
            <ac:spMk id="2418" creationId="{0F32ADC8-DAC2-46D2-B78F-D224F1021C27}"/>
          </ac:spMkLst>
        </pc:spChg>
        <pc:spChg chg="add del mod modVis">
          <ac:chgData name="Manuel Lidauer" userId="b55e45dd-c6cc-461d-bef5-835fc172e678" providerId="ADAL" clId="{BCD0C6F6-2D95-4A66-B702-D3858BC1FC00}" dt="2019-09-26T10:18:08.015" v="76154"/>
          <ac:spMkLst>
            <pc:docMk/>
            <pc:sldMk cId="1279582212" sldId="257"/>
            <ac:spMk id="2419" creationId="{D2D03A88-3D0D-4683-909C-FE822B12B708}"/>
          </ac:spMkLst>
        </pc:spChg>
        <pc:spChg chg="add del mod modVis">
          <ac:chgData name="Manuel Lidauer" userId="b55e45dd-c6cc-461d-bef5-835fc172e678" providerId="ADAL" clId="{BCD0C6F6-2D95-4A66-B702-D3858BC1FC00}" dt="2019-09-26T10:18:08.016" v="76156"/>
          <ac:spMkLst>
            <pc:docMk/>
            <pc:sldMk cId="1279582212" sldId="257"/>
            <ac:spMk id="2420" creationId="{70F86B99-4ED6-4DFF-AA75-25CF33020683}"/>
          </ac:spMkLst>
        </pc:spChg>
        <pc:spChg chg="add del mod modVis">
          <ac:chgData name="Manuel Lidauer" userId="b55e45dd-c6cc-461d-bef5-835fc172e678" providerId="ADAL" clId="{BCD0C6F6-2D95-4A66-B702-D3858BC1FC00}" dt="2019-09-26T10:18:08.016" v="76157"/>
          <ac:spMkLst>
            <pc:docMk/>
            <pc:sldMk cId="1279582212" sldId="257"/>
            <ac:spMk id="2421" creationId="{05B43D63-F3A4-4385-83F6-CBA9522E4CA2}"/>
          </ac:spMkLst>
        </pc:spChg>
        <pc:spChg chg="add del mod modVis">
          <ac:chgData name="Manuel Lidauer" userId="b55e45dd-c6cc-461d-bef5-835fc172e678" providerId="ADAL" clId="{BCD0C6F6-2D95-4A66-B702-D3858BC1FC00}" dt="2019-09-26T10:18:08.017" v="76159"/>
          <ac:spMkLst>
            <pc:docMk/>
            <pc:sldMk cId="1279582212" sldId="257"/>
            <ac:spMk id="2422" creationId="{E227CF2B-1C6E-455C-B68C-19C7E35D49AE}"/>
          </ac:spMkLst>
        </pc:spChg>
        <pc:spChg chg="add del mod modVis">
          <ac:chgData name="Manuel Lidauer" userId="b55e45dd-c6cc-461d-bef5-835fc172e678" providerId="ADAL" clId="{BCD0C6F6-2D95-4A66-B702-D3858BC1FC00}" dt="2019-09-26T10:18:08.017" v="76161"/>
          <ac:spMkLst>
            <pc:docMk/>
            <pc:sldMk cId="1279582212" sldId="257"/>
            <ac:spMk id="2423" creationId="{3C9FDF26-FB48-4079-BAEA-C279EFA914D4}"/>
          </ac:spMkLst>
        </pc:spChg>
        <pc:spChg chg="add del mod modVis">
          <ac:chgData name="Manuel Lidauer" userId="b55e45dd-c6cc-461d-bef5-835fc172e678" providerId="ADAL" clId="{BCD0C6F6-2D95-4A66-B702-D3858BC1FC00}" dt="2019-09-26T10:18:08.018" v="76163"/>
          <ac:spMkLst>
            <pc:docMk/>
            <pc:sldMk cId="1279582212" sldId="257"/>
            <ac:spMk id="2424" creationId="{5BE22BFA-0FCF-41B8-8434-6BE5245C9C06}"/>
          </ac:spMkLst>
        </pc:spChg>
        <pc:spChg chg="add del mod modVis">
          <ac:chgData name="Manuel Lidauer" userId="b55e45dd-c6cc-461d-bef5-835fc172e678" providerId="ADAL" clId="{BCD0C6F6-2D95-4A66-B702-D3858BC1FC00}" dt="2019-09-26T10:18:08.019" v="76165"/>
          <ac:spMkLst>
            <pc:docMk/>
            <pc:sldMk cId="1279582212" sldId="257"/>
            <ac:spMk id="2425" creationId="{CD4E8E95-37DF-4EC3-9A6D-E6042FB72ED5}"/>
          </ac:spMkLst>
        </pc:spChg>
        <pc:spChg chg="add del mod modVis">
          <ac:chgData name="Manuel Lidauer" userId="b55e45dd-c6cc-461d-bef5-835fc172e678" providerId="ADAL" clId="{BCD0C6F6-2D95-4A66-B702-D3858BC1FC00}" dt="2019-09-26T10:18:08.019" v="76167"/>
          <ac:spMkLst>
            <pc:docMk/>
            <pc:sldMk cId="1279582212" sldId="257"/>
            <ac:spMk id="2426" creationId="{03C33515-336E-46AD-8724-4FEB58F26D79}"/>
          </ac:spMkLst>
        </pc:spChg>
        <pc:spChg chg="add del mod modVis">
          <ac:chgData name="Manuel Lidauer" userId="b55e45dd-c6cc-461d-bef5-835fc172e678" providerId="ADAL" clId="{BCD0C6F6-2D95-4A66-B702-D3858BC1FC00}" dt="2019-09-26T10:18:08.021" v="76169"/>
          <ac:spMkLst>
            <pc:docMk/>
            <pc:sldMk cId="1279582212" sldId="257"/>
            <ac:spMk id="2427" creationId="{CE1C8A5A-9B80-455D-A520-967CC49688C1}"/>
          </ac:spMkLst>
        </pc:spChg>
        <pc:spChg chg="add del mod modVis">
          <ac:chgData name="Manuel Lidauer" userId="b55e45dd-c6cc-461d-bef5-835fc172e678" providerId="ADAL" clId="{BCD0C6F6-2D95-4A66-B702-D3858BC1FC00}" dt="2019-09-26T10:18:08.021" v="76171"/>
          <ac:spMkLst>
            <pc:docMk/>
            <pc:sldMk cId="1279582212" sldId="257"/>
            <ac:spMk id="2428" creationId="{7254B83B-2282-47E6-8A5C-C3859E7241EF}"/>
          </ac:spMkLst>
        </pc:spChg>
        <pc:spChg chg="add del mod modVis">
          <ac:chgData name="Manuel Lidauer" userId="b55e45dd-c6cc-461d-bef5-835fc172e678" providerId="ADAL" clId="{BCD0C6F6-2D95-4A66-B702-D3858BC1FC00}" dt="2019-09-26T10:18:08.022" v="76172"/>
          <ac:spMkLst>
            <pc:docMk/>
            <pc:sldMk cId="1279582212" sldId="257"/>
            <ac:spMk id="2429" creationId="{61C44375-E5DE-4027-8FBF-1205B32A63E8}"/>
          </ac:spMkLst>
        </pc:spChg>
        <pc:spChg chg="add del mod modVis">
          <ac:chgData name="Manuel Lidauer" userId="b55e45dd-c6cc-461d-bef5-835fc172e678" providerId="ADAL" clId="{BCD0C6F6-2D95-4A66-B702-D3858BC1FC00}" dt="2019-09-26T10:18:08.022" v="76174"/>
          <ac:spMkLst>
            <pc:docMk/>
            <pc:sldMk cId="1279582212" sldId="257"/>
            <ac:spMk id="2430" creationId="{AD9DD612-2493-44E9-843C-C6BC35333C69}"/>
          </ac:spMkLst>
        </pc:spChg>
        <pc:spChg chg="add del mod modVis">
          <ac:chgData name="Manuel Lidauer" userId="b55e45dd-c6cc-461d-bef5-835fc172e678" providerId="ADAL" clId="{BCD0C6F6-2D95-4A66-B702-D3858BC1FC00}" dt="2019-09-26T10:18:08.023" v="76176"/>
          <ac:spMkLst>
            <pc:docMk/>
            <pc:sldMk cId="1279582212" sldId="257"/>
            <ac:spMk id="2431" creationId="{F5A0D0FA-35E2-43EA-939D-E4FB1E537047}"/>
          </ac:spMkLst>
        </pc:spChg>
        <pc:spChg chg="add del mod modVis">
          <ac:chgData name="Manuel Lidauer" userId="b55e45dd-c6cc-461d-bef5-835fc172e678" providerId="ADAL" clId="{BCD0C6F6-2D95-4A66-B702-D3858BC1FC00}" dt="2019-09-26T10:18:08.024" v="76178"/>
          <ac:spMkLst>
            <pc:docMk/>
            <pc:sldMk cId="1279582212" sldId="257"/>
            <ac:spMk id="2432" creationId="{AC1E4285-5F27-4179-B7A1-B12EE75B7FF4}"/>
          </ac:spMkLst>
        </pc:spChg>
        <pc:spChg chg="add del mod modVis">
          <ac:chgData name="Manuel Lidauer" userId="b55e45dd-c6cc-461d-bef5-835fc172e678" providerId="ADAL" clId="{BCD0C6F6-2D95-4A66-B702-D3858BC1FC00}" dt="2019-09-26T10:18:08.024" v="76180"/>
          <ac:spMkLst>
            <pc:docMk/>
            <pc:sldMk cId="1279582212" sldId="257"/>
            <ac:spMk id="2433" creationId="{AF31D317-BB44-4F0D-AF26-46C03C81756F}"/>
          </ac:spMkLst>
        </pc:spChg>
        <pc:spChg chg="add del mod modVis">
          <ac:chgData name="Manuel Lidauer" userId="b55e45dd-c6cc-461d-bef5-835fc172e678" providerId="ADAL" clId="{BCD0C6F6-2D95-4A66-B702-D3858BC1FC00}" dt="2019-09-26T10:18:08.025" v="76182"/>
          <ac:spMkLst>
            <pc:docMk/>
            <pc:sldMk cId="1279582212" sldId="257"/>
            <ac:spMk id="2434" creationId="{312B6DE0-57CC-46A8-AE9D-8CDF3914EED1}"/>
          </ac:spMkLst>
        </pc:spChg>
        <pc:spChg chg="add del mod modVis">
          <ac:chgData name="Manuel Lidauer" userId="b55e45dd-c6cc-461d-bef5-835fc172e678" providerId="ADAL" clId="{BCD0C6F6-2D95-4A66-B702-D3858BC1FC00}" dt="2019-09-26T10:18:08.026" v="76184"/>
          <ac:spMkLst>
            <pc:docMk/>
            <pc:sldMk cId="1279582212" sldId="257"/>
            <ac:spMk id="2435" creationId="{DA138AC5-80C0-4303-8DAD-88AF60614296}"/>
          </ac:spMkLst>
        </pc:spChg>
        <pc:spChg chg="add del mod modVis">
          <ac:chgData name="Manuel Lidauer" userId="b55e45dd-c6cc-461d-bef5-835fc172e678" providerId="ADAL" clId="{BCD0C6F6-2D95-4A66-B702-D3858BC1FC00}" dt="2019-09-26T10:18:08.026" v="76186"/>
          <ac:spMkLst>
            <pc:docMk/>
            <pc:sldMk cId="1279582212" sldId="257"/>
            <ac:spMk id="2436" creationId="{BB2FB6B7-82F0-4C20-AC0A-D5C466EFE7B8}"/>
          </ac:spMkLst>
        </pc:spChg>
        <pc:spChg chg="add del mod modVis">
          <ac:chgData name="Manuel Lidauer" userId="b55e45dd-c6cc-461d-bef5-835fc172e678" providerId="ADAL" clId="{BCD0C6F6-2D95-4A66-B702-D3858BC1FC00}" dt="2019-09-26T10:18:08.027" v="76187"/>
          <ac:spMkLst>
            <pc:docMk/>
            <pc:sldMk cId="1279582212" sldId="257"/>
            <ac:spMk id="2437" creationId="{4A228541-FB81-4159-8996-838D44FEC8B5}"/>
          </ac:spMkLst>
        </pc:spChg>
        <pc:spChg chg="add del mod modVis">
          <ac:chgData name="Manuel Lidauer" userId="b55e45dd-c6cc-461d-bef5-835fc172e678" providerId="ADAL" clId="{BCD0C6F6-2D95-4A66-B702-D3858BC1FC00}" dt="2019-09-26T10:18:08.027" v="76189"/>
          <ac:spMkLst>
            <pc:docMk/>
            <pc:sldMk cId="1279582212" sldId="257"/>
            <ac:spMk id="2438" creationId="{B87220B8-8A54-49F2-B31F-627B5FD2D3DB}"/>
          </ac:spMkLst>
        </pc:spChg>
        <pc:spChg chg="add del mod modVis">
          <ac:chgData name="Manuel Lidauer" userId="b55e45dd-c6cc-461d-bef5-835fc172e678" providerId="ADAL" clId="{BCD0C6F6-2D95-4A66-B702-D3858BC1FC00}" dt="2019-09-26T10:18:08.028" v="76191"/>
          <ac:spMkLst>
            <pc:docMk/>
            <pc:sldMk cId="1279582212" sldId="257"/>
            <ac:spMk id="2439" creationId="{27D68475-3EE4-49FA-8553-E14E9629E4BE}"/>
          </ac:spMkLst>
        </pc:spChg>
        <pc:spChg chg="add del mod modVis">
          <ac:chgData name="Manuel Lidauer" userId="b55e45dd-c6cc-461d-bef5-835fc172e678" providerId="ADAL" clId="{BCD0C6F6-2D95-4A66-B702-D3858BC1FC00}" dt="2019-09-26T10:18:08.029" v="76193"/>
          <ac:spMkLst>
            <pc:docMk/>
            <pc:sldMk cId="1279582212" sldId="257"/>
            <ac:spMk id="2440" creationId="{C6B82FCF-A359-4CC5-8CC4-606C7389ACCB}"/>
          </ac:spMkLst>
        </pc:spChg>
        <pc:spChg chg="add del mod modVis">
          <ac:chgData name="Manuel Lidauer" userId="b55e45dd-c6cc-461d-bef5-835fc172e678" providerId="ADAL" clId="{BCD0C6F6-2D95-4A66-B702-D3858BC1FC00}" dt="2019-09-26T10:18:08.029" v="76195"/>
          <ac:spMkLst>
            <pc:docMk/>
            <pc:sldMk cId="1279582212" sldId="257"/>
            <ac:spMk id="2441" creationId="{577B1644-3BE5-4B13-8A6F-5F2E6604AEF7}"/>
          </ac:spMkLst>
        </pc:spChg>
        <pc:spChg chg="add del mod modVis">
          <ac:chgData name="Manuel Lidauer" userId="b55e45dd-c6cc-461d-bef5-835fc172e678" providerId="ADAL" clId="{BCD0C6F6-2D95-4A66-B702-D3858BC1FC00}" dt="2019-09-26T10:18:08.030" v="76197"/>
          <ac:spMkLst>
            <pc:docMk/>
            <pc:sldMk cId="1279582212" sldId="257"/>
            <ac:spMk id="2442" creationId="{3A408914-7C1E-4EC8-8E9C-EF5C7D0C700C}"/>
          </ac:spMkLst>
        </pc:spChg>
        <pc:spChg chg="add del mod modVis">
          <ac:chgData name="Manuel Lidauer" userId="b55e45dd-c6cc-461d-bef5-835fc172e678" providerId="ADAL" clId="{BCD0C6F6-2D95-4A66-B702-D3858BC1FC00}" dt="2019-09-26T10:18:08.031" v="76199"/>
          <ac:spMkLst>
            <pc:docMk/>
            <pc:sldMk cId="1279582212" sldId="257"/>
            <ac:spMk id="2443" creationId="{E9C5A877-C4C2-4C6E-A53E-D797AC6C133C}"/>
          </ac:spMkLst>
        </pc:spChg>
        <pc:spChg chg="add del mod modVis">
          <ac:chgData name="Manuel Lidauer" userId="b55e45dd-c6cc-461d-bef5-835fc172e678" providerId="ADAL" clId="{BCD0C6F6-2D95-4A66-B702-D3858BC1FC00}" dt="2019-09-26T10:18:08.031" v="76201"/>
          <ac:spMkLst>
            <pc:docMk/>
            <pc:sldMk cId="1279582212" sldId="257"/>
            <ac:spMk id="2444" creationId="{56D3CA35-0C43-496F-8435-25FB568CB682}"/>
          </ac:spMkLst>
        </pc:spChg>
        <pc:spChg chg="add del mod modVis">
          <ac:chgData name="Manuel Lidauer" userId="b55e45dd-c6cc-461d-bef5-835fc172e678" providerId="ADAL" clId="{BCD0C6F6-2D95-4A66-B702-D3858BC1FC00}" dt="2019-09-26T10:18:08.032" v="76202"/>
          <ac:spMkLst>
            <pc:docMk/>
            <pc:sldMk cId="1279582212" sldId="257"/>
            <ac:spMk id="2445" creationId="{22F624D6-1AFA-4927-BD0E-0448FE189F81}"/>
          </ac:spMkLst>
        </pc:spChg>
        <pc:spChg chg="add del mod modVis">
          <ac:chgData name="Manuel Lidauer" userId="b55e45dd-c6cc-461d-bef5-835fc172e678" providerId="ADAL" clId="{BCD0C6F6-2D95-4A66-B702-D3858BC1FC00}" dt="2019-09-26T10:18:08.032" v="76204"/>
          <ac:spMkLst>
            <pc:docMk/>
            <pc:sldMk cId="1279582212" sldId="257"/>
            <ac:spMk id="2446" creationId="{C40B9CF0-FD23-4BB7-85F9-3DA018009922}"/>
          </ac:spMkLst>
        </pc:spChg>
        <pc:spChg chg="add del mod modVis">
          <ac:chgData name="Manuel Lidauer" userId="b55e45dd-c6cc-461d-bef5-835fc172e678" providerId="ADAL" clId="{BCD0C6F6-2D95-4A66-B702-D3858BC1FC00}" dt="2019-09-26T10:18:08.033" v="76206"/>
          <ac:spMkLst>
            <pc:docMk/>
            <pc:sldMk cId="1279582212" sldId="257"/>
            <ac:spMk id="2447" creationId="{7042B18B-68E5-41A8-B695-1A19D05FABFB}"/>
          </ac:spMkLst>
        </pc:spChg>
        <pc:spChg chg="add del mod modVis">
          <ac:chgData name="Manuel Lidauer" userId="b55e45dd-c6cc-461d-bef5-835fc172e678" providerId="ADAL" clId="{BCD0C6F6-2D95-4A66-B702-D3858BC1FC00}" dt="2019-09-26T10:18:08.033" v="76208"/>
          <ac:spMkLst>
            <pc:docMk/>
            <pc:sldMk cId="1279582212" sldId="257"/>
            <ac:spMk id="2448" creationId="{73681AAC-B2FA-4C5B-A9D2-FE4B4895BB27}"/>
          </ac:spMkLst>
        </pc:spChg>
        <pc:spChg chg="add del mod modVis">
          <ac:chgData name="Manuel Lidauer" userId="b55e45dd-c6cc-461d-bef5-835fc172e678" providerId="ADAL" clId="{BCD0C6F6-2D95-4A66-B702-D3858BC1FC00}" dt="2019-09-26T10:18:08.034" v="76210"/>
          <ac:spMkLst>
            <pc:docMk/>
            <pc:sldMk cId="1279582212" sldId="257"/>
            <ac:spMk id="2449" creationId="{39919045-80BB-4264-9BF6-0BCB12D79337}"/>
          </ac:spMkLst>
        </pc:spChg>
        <pc:spChg chg="add del mod modVis">
          <ac:chgData name="Manuel Lidauer" userId="b55e45dd-c6cc-461d-bef5-835fc172e678" providerId="ADAL" clId="{BCD0C6F6-2D95-4A66-B702-D3858BC1FC00}" dt="2019-09-26T10:18:08.035" v="76212"/>
          <ac:spMkLst>
            <pc:docMk/>
            <pc:sldMk cId="1279582212" sldId="257"/>
            <ac:spMk id="2450" creationId="{DBD5EC7C-524C-4F8A-9958-2E7C574E15F4}"/>
          </ac:spMkLst>
        </pc:spChg>
        <pc:spChg chg="add del mod modVis">
          <ac:chgData name="Manuel Lidauer" userId="b55e45dd-c6cc-461d-bef5-835fc172e678" providerId="ADAL" clId="{BCD0C6F6-2D95-4A66-B702-D3858BC1FC00}" dt="2019-09-26T10:18:08.035" v="76214"/>
          <ac:spMkLst>
            <pc:docMk/>
            <pc:sldMk cId="1279582212" sldId="257"/>
            <ac:spMk id="2451" creationId="{7CA0AB68-169C-4160-ADFA-1B04D7A5AC71}"/>
          </ac:spMkLst>
        </pc:spChg>
        <pc:spChg chg="add del mod modVis">
          <ac:chgData name="Manuel Lidauer" userId="b55e45dd-c6cc-461d-bef5-835fc172e678" providerId="ADAL" clId="{BCD0C6F6-2D95-4A66-B702-D3858BC1FC00}" dt="2019-09-26T10:18:08.037" v="76216"/>
          <ac:spMkLst>
            <pc:docMk/>
            <pc:sldMk cId="1279582212" sldId="257"/>
            <ac:spMk id="2452" creationId="{43773C2E-4C0E-4EF9-9DA8-342F9BBB4DF1}"/>
          </ac:spMkLst>
        </pc:spChg>
        <pc:spChg chg="add del mod modVis">
          <ac:chgData name="Manuel Lidauer" userId="b55e45dd-c6cc-461d-bef5-835fc172e678" providerId="ADAL" clId="{BCD0C6F6-2D95-4A66-B702-D3858BC1FC00}" dt="2019-09-26T10:18:08.037" v="76217"/>
          <ac:spMkLst>
            <pc:docMk/>
            <pc:sldMk cId="1279582212" sldId="257"/>
            <ac:spMk id="2453" creationId="{AAB9FF86-0ACB-4B36-A32C-23807316F537}"/>
          </ac:spMkLst>
        </pc:spChg>
        <pc:spChg chg="add del mod modVis">
          <ac:chgData name="Manuel Lidauer" userId="b55e45dd-c6cc-461d-bef5-835fc172e678" providerId="ADAL" clId="{BCD0C6F6-2D95-4A66-B702-D3858BC1FC00}" dt="2019-09-26T10:18:08.038" v="76219"/>
          <ac:spMkLst>
            <pc:docMk/>
            <pc:sldMk cId="1279582212" sldId="257"/>
            <ac:spMk id="2454" creationId="{750C672D-C75B-42F3-9A25-A009299949E4}"/>
          </ac:spMkLst>
        </pc:spChg>
        <pc:spChg chg="add del mod modVis">
          <ac:chgData name="Manuel Lidauer" userId="b55e45dd-c6cc-461d-bef5-835fc172e678" providerId="ADAL" clId="{BCD0C6F6-2D95-4A66-B702-D3858BC1FC00}" dt="2019-09-26T10:18:08.038" v="76221"/>
          <ac:spMkLst>
            <pc:docMk/>
            <pc:sldMk cId="1279582212" sldId="257"/>
            <ac:spMk id="2455" creationId="{F52640F1-0794-4F01-B9B0-F150C20B1CA7}"/>
          </ac:spMkLst>
        </pc:spChg>
        <pc:spChg chg="add del mod modVis">
          <ac:chgData name="Manuel Lidauer" userId="b55e45dd-c6cc-461d-bef5-835fc172e678" providerId="ADAL" clId="{BCD0C6F6-2D95-4A66-B702-D3858BC1FC00}" dt="2019-09-26T10:18:08.039" v="76223"/>
          <ac:spMkLst>
            <pc:docMk/>
            <pc:sldMk cId="1279582212" sldId="257"/>
            <ac:spMk id="2456" creationId="{2EE6190E-FAAE-4039-9267-67129D434ECB}"/>
          </ac:spMkLst>
        </pc:spChg>
        <pc:spChg chg="add del mod modVis">
          <ac:chgData name="Manuel Lidauer" userId="b55e45dd-c6cc-461d-bef5-835fc172e678" providerId="ADAL" clId="{BCD0C6F6-2D95-4A66-B702-D3858BC1FC00}" dt="2019-09-26T10:18:08.039" v="76225"/>
          <ac:spMkLst>
            <pc:docMk/>
            <pc:sldMk cId="1279582212" sldId="257"/>
            <ac:spMk id="2457" creationId="{5D5285C4-87F6-4111-A78D-79D4FBF0477D}"/>
          </ac:spMkLst>
        </pc:spChg>
        <pc:spChg chg="add del mod modVis">
          <ac:chgData name="Manuel Lidauer" userId="b55e45dd-c6cc-461d-bef5-835fc172e678" providerId="ADAL" clId="{BCD0C6F6-2D95-4A66-B702-D3858BC1FC00}" dt="2019-09-26T10:18:08.040" v="76227"/>
          <ac:spMkLst>
            <pc:docMk/>
            <pc:sldMk cId="1279582212" sldId="257"/>
            <ac:spMk id="2458" creationId="{484708BC-AC06-4876-830C-C8B6C1D83D51}"/>
          </ac:spMkLst>
        </pc:spChg>
        <pc:spChg chg="add del mod modVis">
          <ac:chgData name="Manuel Lidauer" userId="b55e45dd-c6cc-461d-bef5-835fc172e678" providerId="ADAL" clId="{BCD0C6F6-2D95-4A66-B702-D3858BC1FC00}" dt="2019-09-26T10:18:08.041" v="76229"/>
          <ac:spMkLst>
            <pc:docMk/>
            <pc:sldMk cId="1279582212" sldId="257"/>
            <ac:spMk id="2459" creationId="{6C843026-F852-46DC-8EC5-A09E7487CD93}"/>
          </ac:spMkLst>
        </pc:spChg>
        <pc:spChg chg="add del mod modVis">
          <ac:chgData name="Manuel Lidauer" userId="b55e45dd-c6cc-461d-bef5-835fc172e678" providerId="ADAL" clId="{BCD0C6F6-2D95-4A66-B702-D3858BC1FC00}" dt="2019-09-26T10:18:08.041" v="76231"/>
          <ac:spMkLst>
            <pc:docMk/>
            <pc:sldMk cId="1279582212" sldId="257"/>
            <ac:spMk id="2460" creationId="{0659877A-68D8-41EE-B809-AE135FF2D90A}"/>
          </ac:spMkLst>
        </pc:spChg>
        <pc:spChg chg="add del mod modVis">
          <ac:chgData name="Manuel Lidauer" userId="b55e45dd-c6cc-461d-bef5-835fc172e678" providerId="ADAL" clId="{BCD0C6F6-2D95-4A66-B702-D3858BC1FC00}" dt="2019-09-26T10:18:08.042" v="76232"/>
          <ac:spMkLst>
            <pc:docMk/>
            <pc:sldMk cId="1279582212" sldId="257"/>
            <ac:spMk id="2461" creationId="{8B2F8B14-F2C0-48AD-9967-A5ADFD39147F}"/>
          </ac:spMkLst>
        </pc:spChg>
        <pc:spChg chg="add del mod modVis">
          <ac:chgData name="Manuel Lidauer" userId="b55e45dd-c6cc-461d-bef5-835fc172e678" providerId="ADAL" clId="{BCD0C6F6-2D95-4A66-B702-D3858BC1FC00}" dt="2019-09-26T10:18:08.043" v="76234"/>
          <ac:spMkLst>
            <pc:docMk/>
            <pc:sldMk cId="1279582212" sldId="257"/>
            <ac:spMk id="2462" creationId="{96C5E56B-A193-49B0-A9FF-B7C9A9DF61F6}"/>
          </ac:spMkLst>
        </pc:spChg>
        <pc:spChg chg="add del mod modVis">
          <ac:chgData name="Manuel Lidauer" userId="b55e45dd-c6cc-461d-bef5-835fc172e678" providerId="ADAL" clId="{BCD0C6F6-2D95-4A66-B702-D3858BC1FC00}" dt="2019-09-26T10:18:08.044" v="76236"/>
          <ac:spMkLst>
            <pc:docMk/>
            <pc:sldMk cId="1279582212" sldId="257"/>
            <ac:spMk id="2463" creationId="{F550E486-F517-45A8-8F21-37D583DE04CD}"/>
          </ac:spMkLst>
        </pc:spChg>
        <pc:spChg chg="add del mod modVis">
          <ac:chgData name="Manuel Lidauer" userId="b55e45dd-c6cc-461d-bef5-835fc172e678" providerId="ADAL" clId="{BCD0C6F6-2D95-4A66-B702-D3858BC1FC00}" dt="2019-09-26T10:18:08.044" v="76238"/>
          <ac:spMkLst>
            <pc:docMk/>
            <pc:sldMk cId="1279582212" sldId="257"/>
            <ac:spMk id="2464" creationId="{45B63F63-64B9-4906-9346-13CA850706C4}"/>
          </ac:spMkLst>
        </pc:spChg>
        <pc:spChg chg="add del mod modVis">
          <ac:chgData name="Manuel Lidauer" userId="b55e45dd-c6cc-461d-bef5-835fc172e678" providerId="ADAL" clId="{BCD0C6F6-2D95-4A66-B702-D3858BC1FC00}" dt="2019-09-26T10:18:08.045" v="76240"/>
          <ac:spMkLst>
            <pc:docMk/>
            <pc:sldMk cId="1279582212" sldId="257"/>
            <ac:spMk id="2465" creationId="{D9CB6617-B262-4E56-8A04-0600F7AD1CA8}"/>
          </ac:spMkLst>
        </pc:spChg>
        <pc:spChg chg="add del mod modVis">
          <ac:chgData name="Manuel Lidauer" userId="b55e45dd-c6cc-461d-bef5-835fc172e678" providerId="ADAL" clId="{BCD0C6F6-2D95-4A66-B702-D3858BC1FC00}" dt="2019-09-26T10:18:08.046" v="76242"/>
          <ac:spMkLst>
            <pc:docMk/>
            <pc:sldMk cId="1279582212" sldId="257"/>
            <ac:spMk id="2466" creationId="{6E307420-7083-4206-84C3-3B06A8DE07ED}"/>
          </ac:spMkLst>
        </pc:spChg>
        <pc:spChg chg="add del mod modVis">
          <ac:chgData name="Manuel Lidauer" userId="b55e45dd-c6cc-461d-bef5-835fc172e678" providerId="ADAL" clId="{BCD0C6F6-2D95-4A66-B702-D3858BC1FC00}" dt="2019-09-26T10:18:08.046" v="76244"/>
          <ac:spMkLst>
            <pc:docMk/>
            <pc:sldMk cId="1279582212" sldId="257"/>
            <ac:spMk id="2467" creationId="{FC2404FF-03CD-492F-8E8B-C20534F918DE}"/>
          </ac:spMkLst>
        </pc:spChg>
        <pc:spChg chg="add del mod modVis">
          <ac:chgData name="Manuel Lidauer" userId="b55e45dd-c6cc-461d-bef5-835fc172e678" providerId="ADAL" clId="{BCD0C6F6-2D95-4A66-B702-D3858BC1FC00}" dt="2019-09-26T10:18:08.047" v="76246"/>
          <ac:spMkLst>
            <pc:docMk/>
            <pc:sldMk cId="1279582212" sldId="257"/>
            <ac:spMk id="2468" creationId="{0C455DCA-4D71-458E-99FF-534474E17FE0}"/>
          </ac:spMkLst>
        </pc:spChg>
        <pc:spChg chg="add del mod modVis">
          <ac:chgData name="Manuel Lidauer" userId="b55e45dd-c6cc-461d-bef5-835fc172e678" providerId="ADAL" clId="{BCD0C6F6-2D95-4A66-B702-D3858BC1FC00}" dt="2019-09-26T10:18:08.048" v="76247"/>
          <ac:spMkLst>
            <pc:docMk/>
            <pc:sldMk cId="1279582212" sldId="257"/>
            <ac:spMk id="2469" creationId="{FC1588F8-CF1D-4F6B-91E7-7FB43CA5BCAC}"/>
          </ac:spMkLst>
        </pc:spChg>
        <pc:spChg chg="add del mod modVis">
          <ac:chgData name="Manuel Lidauer" userId="b55e45dd-c6cc-461d-bef5-835fc172e678" providerId="ADAL" clId="{BCD0C6F6-2D95-4A66-B702-D3858BC1FC00}" dt="2019-09-26T10:18:08.048" v="76249"/>
          <ac:spMkLst>
            <pc:docMk/>
            <pc:sldMk cId="1279582212" sldId="257"/>
            <ac:spMk id="2470" creationId="{0533FC8C-61DA-4466-A316-FBFCBD3B3E96}"/>
          </ac:spMkLst>
        </pc:spChg>
        <pc:spChg chg="add del mod modVis">
          <ac:chgData name="Manuel Lidauer" userId="b55e45dd-c6cc-461d-bef5-835fc172e678" providerId="ADAL" clId="{BCD0C6F6-2D95-4A66-B702-D3858BC1FC00}" dt="2019-09-26T10:18:08.049" v="76251"/>
          <ac:spMkLst>
            <pc:docMk/>
            <pc:sldMk cId="1279582212" sldId="257"/>
            <ac:spMk id="2471" creationId="{CEED9A08-E971-41F1-B48E-8556C57EF69A}"/>
          </ac:spMkLst>
        </pc:spChg>
        <pc:spChg chg="add del mod modVis">
          <ac:chgData name="Manuel Lidauer" userId="b55e45dd-c6cc-461d-bef5-835fc172e678" providerId="ADAL" clId="{BCD0C6F6-2D95-4A66-B702-D3858BC1FC00}" dt="2019-09-26T10:18:08.049" v="76253"/>
          <ac:spMkLst>
            <pc:docMk/>
            <pc:sldMk cId="1279582212" sldId="257"/>
            <ac:spMk id="2472" creationId="{41A7D8B1-B69C-4368-BB10-83BA338DCEA0}"/>
          </ac:spMkLst>
        </pc:spChg>
        <pc:spChg chg="add del mod modVis">
          <ac:chgData name="Manuel Lidauer" userId="b55e45dd-c6cc-461d-bef5-835fc172e678" providerId="ADAL" clId="{BCD0C6F6-2D95-4A66-B702-D3858BC1FC00}" dt="2019-09-26T10:18:08.050" v="76255"/>
          <ac:spMkLst>
            <pc:docMk/>
            <pc:sldMk cId="1279582212" sldId="257"/>
            <ac:spMk id="2473" creationId="{40FFD02A-986B-4584-A00D-E455D831689A}"/>
          </ac:spMkLst>
        </pc:spChg>
        <pc:spChg chg="add del mod modVis">
          <ac:chgData name="Manuel Lidauer" userId="b55e45dd-c6cc-461d-bef5-835fc172e678" providerId="ADAL" clId="{BCD0C6F6-2D95-4A66-B702-D3858BC1FC00}" dt="2019-09-26T10:18:08.051" v="76257"/>
          <ac:spMkLst>
            <pc:docMk/>
            <pc:sldMk cId="1279582212" sldId="257"/>
            <ac:spMk id="2474" creationId="{CFE772EA-8B9C-47F0-A3F4-9D90F823329F}"/>
          </ac:spMkLst>
        </pc:spChg>
        <pc:spChg chg="add del mod modVis">
          <ac:chgData name="Manuel Lidauer" userId="b55e45dd-c6cc-461d-bef5-835fc172e678" providerId="ADAL" clId="{BCD0C6F6-2D95-4A66-B702-D3858BC1FC00}" dt="2019-09-26T10:18:08.051" v="76259"/>
          <ac:spMkLst>
            <pc:docMk/>
            <pc:sldMk cId="1279582212" sldId="257"/>
            <ac:spMk id="2475" creationId="{4A0F05D0-A915-4840-B408-50FC4812A0BC}"/>
          </ac:spMkLst>
        </pc:spChg>
        <pc:spChg chg="add del mod modVis">
          <ac:chgData name="Manuel Lidauer" userId="b55e45dd-c6cc-461d-bef5-835fc172e678" providerId="ADAL" clId="{BCD0C6F6-2D95-4A66-B702-D3858BC1FC00}" dt="2019-09-26T10:18:08.052" v="76261"/>
          <ac:spMkLst>
            <pc:docMk/>
            <pc:sldMk cId="1279582212" sldId="257"/>
            <ac:spMk id="2476" creationId="{0B214872-107D-438E-B8C9-9DC49CA299B0}"/>
          </ac:spMkLst>
        </pc:spChg>
        <pc:spChg chg="add del mod modVis">
          <ac:chgData name="Manuel Lidauer" userId="b55e45dd-c6cc-461d-bef5-835fc172e678" providerId="ADAL" clId="{BCD0C6F6-2D95-4A66-B702-D3858BC1FC00}" dt="2019-09-26T10:18:08.053" v="76262"/>
          <ac:spMkLst>
            <pc:docMk/>
            <pc:sldMk cId="1279582212" sldId="257"/>
            <ac:spMk id="2477" creationId="{6DD52D95-CFA9-40F0-89DE-A5EF8CEAC8EF}"/>
          </ac:spMkLst>
        </pc:spChg>
        <pc:spChg chg="add del mod modVis">
          <ac:chgData name="Manuel Lidauer" userId="b55e45dd-c6cc-461d-bef5-835fc172e678" providerId="ADAL" clId="{BCD0C6F6-2D95-4A66-B702-D3858BC1FC00}" dt="2019-09-26T10:18:08.053" v="76264"/>
          <ac:spMkLst>
            <pc:docMk/>
            <pc:sldMk cId="1279582212" sldId="257"/>
            <ac:spMk id="2478" creationId="{17B5281C-6ACA-4731-91F4-3B08F98EA3C7}"/>
          </ac:spMkLst>
        </pc:spChg>
        <pc:spChg chg="add del mod modVis">
          <ac:chgData name="Manuel Lidauer" userId="b55e45dd-c6cc-461d-bef5-835fc172e678" providerId="ADAL" clId="{BCD0C6F6-2D95-4A66-B702-D3858BC1FC00}" dt="2019-09-26T10:18:08.054" v="76266"/>
          <ac:spMkLst>
            <pc:docMk/>
            <pc:sldMk cId="1279582212" sldId="257"/>
            <ac:spMk id="2479" creationId="{AAB681A9-77F9-47CF-8D14-D90902C18650}"/>
          </ac:spMkLst>
        </pc:spChg>
        <pc:spChg chg="add del mod modVis">
          <ac:chgData name="Manuel Lidauer" userId="b55e45dd-c6cc-461d-bef5-835fc172e678" providerId="ADAL" clId="{BCD0C6F6-2D95-4A66-B702-D3858BC1FC00}" dt="2019-09-26T10:18:08.055" v="76268"/>
          <ac:spMkLst>
            <pc:docMk/>
            <pc:sldMk cId="1279582212" sldId="257"/>
            <ac:spMk id="2480" creationId="{5A9E5E76-FAC4-4D2A-9BEA-31E3E7286694}"/>
          </ac:spMkLst>
        </pc:spChg>
        <pc:spChg chg="add del mod modVis">
          <ac:chgData name="Manuel Lidauer" userId="b55e45dd-c6cc-461d-bef5-835fc172e678" providerId="ADAL" clId="{BCD0C6F6-2D95-4A66-B702-D3858BC1FC00}" dt="2019-09-26T10:18:08.056" v="76270"/>
          <ac:spMkLst>
            <pc:docMk/>
            <pc:sldMk cId="1279582212" sldId="257"/>
            <ac:spMk id="2481" creationId="{66E2E5EC-B3D1-47B0-B62D-06AE76493E8B}"/>
          </ac:spMkLst>
        </pc:spChg>
        <pc:spChg chg="add del mod modVis">
          <ac:chgData name="Manuel Lidauer" userId="b55e45dd-c6cc-461d-bef5-835fc172e678" providerId="ADAL" clId="{BCD0C6F6-2D95-4A66-B702-D3858BC1FC00}" dt="2019-09-26T10:18:08.056" v="76272"/>
          <ac:spMkLst>
            <pc:docMk/>
            <pc:sldMk cId="1279582212" sldId="257"/>
            <ac:spMk id="2482" creationId="{7B7702E6-5C6E-4A51-981F-80EE7B0E8259}"/>
          </ac:spMkLst>
        </pc:spChg>
        <pc:spChg chg="add del mod modVis">
          <ac:chgData name="Manuel Lidauer" userId="b55e45dd-c6cc-461d-bef5-835fc172e678" providerId="ADAL" clId="{BCD0C6F6-2D95-4A66-B702-D3858BC1FC00}" dt="2019-09-26T10:18:08.057" v="76274"/>
          <ac:spMkLst>
            <pc:docMk/>
            <pc:sldMk cId="1279582212" sldId="257"/>
            <ac:spMk id="2483" creationId="{C5478413-3B92-4C74-9043-6E3BB96F0483}"/>
          </ac:spMkLst>
        </pc:spChg>
        <pc:spChg chg="add del mod modVis">
          <ac:chgData name="Manuel Lidauer" userId="b55e45dd-c6cc-461d-bef5-835fc172e678" providerId="ADAL" clId="{BCD0C6F6-2D95-4A66-B702-D3858BC1FC00}" dt="2019-09-26T10:18:08.058" v="76276"/>
          <ac:spMkLst>
            <pc:docMk/>
            <pc:sldMk cId="1279582212" sldId="257"/>
            <ac:spMk id="2484" creationId="{4782A3E2-7CFB-43F6-B22A-6F66312A1CD9}"/>
          </ac:spMkLst>
        </pc:spChg>
        <pc:spChg chg="add mod modVis">
          <ac:chgData name="Manuel Lidauer" userId="b55e45dd-c6cc-461d-bef5-835fc172e678" providerId="ADAL" clId="{BCD0C6F6-2D95-4A66-B702-D3858BC1FC00}" dt="2019-09-26T10:18:08.590" v="76338"/>
          <ac:spMkLst>
            <pc:docMk/>
            <pc:sldMk cId="1279582212" sldId="257"/>
            <ac:spMk id="2485" creationId="{719E7C94-2FE8-4102-88FA-AE517536509C}"/>
          </ac:spMkLst>
        </pc:spChg>
        <pc:spChg chg="add mod modVis">
          <ac:chgData name="Manuel Lidauer" userId="b55e45dd-c6cc-461d-bef5-835fc172e678" providerId="ADAL" clId="{BCD0C6F6-2D95-4A66-B702-D3858BC1FC00}" dt="2019-09-26T10:18:08.633" v="76400"/>
          <ac:spMkLst>
            <pc:docMk/>
            <pc:sldMk cId="1279582212" sldId="257"/>
            <ac:spMk id="2486" creationId="{374AE755-B788-4951-8E69-5BFA4F5F57D0}"/>
          </ac:spMkLst>
        </pc:spChg>
        <pc:spChg chg="add mod modVis">
          <ac:chgData name="Manuel Lidauer" userId="b55e45dd-c6cc-461d-bef5-835fc172e678" providerId="ADAL" clId="{BCD0C6F6-2D95-4A66-B702-D3858BC1FC00}" dt="2019-09-26T10:18:08.644" v="76424"/>
          <ac:spMkLst>
            <pc:docMk/>
            <pc:sldMk cId="1279582212" sldId="257"/>
            <ac:spMk id="2487" creationId="{1F52D22E-078A-4DA4-B284-EF6B77EB6F42}"/>
          </ac:spMkLst>
        </pc:spChg>
        <pc:spChg chg="add mod modVis">
          <ac:chgData name="Manuel Lidauer" userId="b55e45dd-c6cc-461d-bef5-835fc172e678" providerId="ADAL" clId="{BCD0C6F6-2D95-4A66-B702-D3858BC1FC00}" dt="2019-09-26T10:18:08.653" v="76444"/>
          <ac:spMkLst>
            <pc:docMk/>
            <pc:sldMk cId="1279582212" sldId="257"/>
            <ac:spMk id="2488" creationId="{40D5311A-BB0D-4044-8E12-36607D1F03E5}"/>
          </ac:spMkLst>
        </pc:spChg>
        <pc:spChg chg="add mod modVis">
          <ac:chgData name="Manuel Lidauer" userId="b55e45dd-c6cc-461d-bef5-835fc172e678" providerId="ADAL" clId="{BCD0C6F6-2D95-4A66-B702-D3858BC1FC00}" dt="2019-09-26T10:18:08.662" v="76470"/>
          <ac:spMkLst>
            <pc:docMk/>
            <pc:sldMk cId="1279582212" sldId="257"/>
            <ac:spMk id="2489" creationId="{11332C45-4FDC-48F4-B035-25AEE5BCEB4A}"/>
          </ac:spMkLst>
        </pc:spChg>
        <pc:spChg chg="add mod modVis">
          <ac:chgData name="Manuel Lidauer" userId="b55e45dd-c6cc-461d-bef5-835fc172e678" providerId="ADAL" clId="{BCD0C6F6-2D95-4A66-B702-D3858BC1FC00}" dt="2019-09-26T10:18:08.695" v="76520"/>
          <ac:spMkLst>
            <pc:docMk/>
            <pc:sldMk cId="1279582212" sldId="257"/>
            <ac:spMk id="2490" creationId="{3EA8964B-D1EE-4166-AB29-C1D26FCE4C6D}"/>
          </ac:spMkLst>
        </pc:spChg>
        <pc:spChg chg="add mod modVis">
          <ac:chgData name="Manuel Lidauer" userId="b55e45dd-c6cc-461d-bef5-835fc172e678" providerId="ADAL" clId="{BCD0C6F6-2D95-4A66-B702-D3858BC1FC00}" dt="2019-09-26T10:18:08.732" v="76573"/>
          <ac:spMkLst>
            <pc:docMk/>
            <pc:sldMk cId="1279582212" sldId="257"/>
            <ac:spMk id="2491" creationId="{E8C0898F-EDFC-432B-9A13-683BC0FE412D}"/>
          </ac:spMkLst>
        </pc:spChg>
        <pc:spChg chg="add mod modVis">
          <ac:chgData name="Manuel Lidauer" userId="b55e45dd-c6cc-461d-bef5-835fc172e678" providerId="ADAL" clId="{BCD0C6F6-2D95-4A66-B702-D3858BC1FC00}" dt="2019-09-26T10:18:08.773" v="76632"/>
          <ac:spMkLst>
            <pc:docMk/>
            <pc:sldMk cId="1279582212" sldId="257"/>
            <ac:spMk id="2493" creationId="{5EAC3BA8-B0CE-4F2C-BE25-0BCC2E358D5A}"/>
          </ac:spMkLst>
        </pc:spChg>
        <pc:spChg chg="add mod modVis">
          <ac:chgData name="Manuel Lidauer" userId="b55e45dd-c6cc-461d-bef5-835fc172e678" providerId="ADAL" clId="{BCD0C6F6-2D95-4A66-B702-D3858BC1FC00}" dt="2019-09-26T10:18:08.812" v="76690"/>
          <ac:spMkLst>
            <pc:docMk/>
            <pc:sldMk cId="1279582212" sldId="257"/>
            <ac:spMk id="2495" creationId="{0424B0D9-89DB-453A-9D01-DB320C0B8E78}"/>
          </ac:spMkLst>
        </pc:spChg>
        <pc:spChg chg="add mod modVis">
          <ac:chgData name="Manuel Lidauer" userId="b55e45dd-c6cc-461d-bef5-835fc172e678" providerId="ADAL" clId="{BCD0C6F6-2D95-4A66-B702-D3858BC1FC00}" dt="2019-09-26T10:18:08.853" v="76750"/>
          <ac:spMkLst>
            <pc:docMk/>
            <pc:sldMk cId="1279582212" sldId="257"/>
            <ac:spMk id="2497" creationId="{54D4131A-652C-425E-92F2-56EE49D3E5F7}"/>
          </ac:spMkLst>
        </pc:spChg>
        <pc:spChg chg="add mod modVis">
          <ac:chgData name="Manuel Lidauer" userId="b55e45dd-c6cc-461d-bef5-835fc172e678" providerId="ADAL" clId="{BCD0C6F6-2D95-4A66-B702-D3858BC1FC00}" dt="2019-09-26T10:18:08.895" v="76809"/>
          <ac:spMkLst>
            <pc:docMk/>
            <pc:sldMk cId="1279582212" sldId="257"/>
            <ac:spMk id="2499" creationId="{3DE0D652-278D-4310-AF72-6CC2534BA913}"/>
          </ac:spMkLst>
        </pc:spChg>
        <pc:spChg chg="add mod modVis">
          <ac:chgData name="Manuel Lidauer" userId="b55e45dd-c6cc-461d-bef5-835fc172e678" providerId="ADAL" clId="{BCD0C6F6-2D95-4A66-B702-D3858BC1FC00}" dt="2019-09-26T10:18:08.935" v="76868"/>
          <ac:spMkLst>
            <pc:docMk/>
            <pc:sldMk cId="1279582212" sldId="257"/>
            <ac:spMk id="2501" creationId="{BD6278F2-31B8-4FF4-95AE-17EF7C7230D3}"/>
          </ac:spMkLst>
        </pc:spChg>
        <pc:spChg chg="add mod modVis">
          <ac:chgData name="Manuel Lidauer" userId="b55e45dd-c6cc-461d-bef5-835fc172e678" providerId="ADAL" clId="{BCD0C6F6-2D95-4A66-B702-D3858BC1FC00}" dt="2019-09-26T10:18:08.975" v="76927"/>
          <ac:spMkLst>
            <pc:docMk/>
            <pc:sldMk cId="1279582212" sldId="257"/>
            <ac:spMk id="2503" creationId="{668DD718-4A35-438F-B273-DBDB762FA8A0}"/>
          </ac:spMkLst>
        </pc:spChg>
        <pc:spChg chg="add mod modVis">
          <ac:chgData name="Manuel Lidauer" userId="b55e45dd-c6cc-461d-bef5-835fc172e678" providerId="ADAL" clId="{BCD0C6F6-2D95-4A66-B702-D3858BC1FC00}" dt="2019-09-26T10:18:09.015" v="76985"/>
          <ac:spMkLst>
            <pc:docMk/>
            <pc:sldMk cId="1279582212" sldId="257"/>
            <ac:spMk id="2505" creationId="{16CB4EF1-064F-4631-BD14-78CADE2007C8}"/>
          </ac:spMkLst>
        </pc:spChg>
        <pc:spChg chg="add mod modVis">
          <ac:chgData name="Manuel Lidauer" userId="b55e45dd-c6cc-461d-bef5-835fc172e678" providerId="ADAL" clId="{BCD0C6F6-2D95-4A66-B702-D3858BC1FC00}" dt="2019-09-26T10:18:09.055" v="77043"/>
          <ac:spMkLst>
            <pc:docMk/>
            <pc:sldMk cId="1279582212" sldId="257"/>
            <ac:spMk id="2507" creationId="{6D653B35-2EE1-482C-95F8-F0B815B20B05}"/>
          </ac:spMkLst>
        </pc:spChg>
        <pc:spChg chg="add mod modVis">
          <ac:chgData name="Manuel Lidauer" userId="b55e45dd-c6cc-461d-bef5-835fc172e678" providerId="ADAL" clId="{BCD0C6F6-2D95-4A66-B702-D3858BC1FC00}" dt="2019-09-26T10:18:09.471" v="77810"/>
          <ac:spMkLst>
            <pc:docMk/>
            <pc:sldMk cId="1279582212" sldId="257"/>
            <ac:spMk id="2548" creationId="{D798FD6F-5CC3-4187-9D94-59789F2C895E}"/>
          </ac:spMkLst>
        </pc:spChg>
        <pc:spChg chg="add mod modVis">
          <ac:chgData name="Manuel Lidauer" userId="b55e45dd-c6cc-461d-bef5-835fc172e678" providerId="ADAL" clId="{BCD0C6F6-2D95-4A66-B702-D3858BC1FC00}" dt="2019-09-26T10:18:09.504" v="77857"/>
          <ac:spMkLst>
            <pc:docMk/>
            <pc:sldMk cId="1279582212" sldId="257"/>
            <ac:spMk id="2549" creationId="{FD740118-91E5-4AB0-ABF6-1503655B6BF6}"/>
          </ac:spMkLst>
        </pc:spChg>
        <pc:spChg chg="add mod modVis">
          <ac:chgData name="Manuel Lidauer" userId="b55e45dd-c6cc-461d-bef5-835fc172e678" providerId="ADAL" clId="{BCD0C6F6-2D95-4A66-B702-D3858BC1FC00}" dt="2019-09-26T10:18:09.519" v="77894"/>
          <ac:spMkLst>
            <pc:docMk/>
            <pc:sldMk cId="1279582212" sldId="257"/>
            <ac:spMk id="2550" creationId="{0032FCFA-601F-4598-84D4-A12B6B21B32D}"/>
          </ac:spMkLst>
        </pc:spChg>
        <pc:spChg chg="add mod modVis">
          <ac:chgData name="Manuel Lidauer" userId="b55e45dd-c6cc-461d-bef5-835fc172e678" providerId="ADAL" clId="{BCD0C6F6-2D95-4A66-B702-D3858BC1FC00}" dt="2019-09-26T10:18:09.548" v="77937"/>
          <ac:spMkLst>
            <pc:docMk/>
            <pc:sldMk cId="1279582212" sldId="257"/>
            <ac:spMk id="2551" creationId="{1D5074C1-CFC9-4EE7-8B14-3A449744DA48}"/>
          </ac:spMkLst>
        </pc:spChg>
        <pc:spChg chg="add mod modVis">
          <ac:chgData name="Manuel Lidauer" userId="b55e45dd-c6cc-461d-bef5-835fc172e678" providerId="ADAL" clId="{BCD0C6F6-2D95-4A66-B702-D3858BC1FC00}" dt="2019-09-26T10:18:09.583" v="77984"/>
          <ac:spMkLst>
            <pc:docMk/>
            <pc:sldMk cId="1279582212" sldId="257"/>
            <ac:spMk id="2552" creationId="{C3429180-CAD8-4FD9-A2D7-385A88515C01}"/>
          </ac:spMkLst>
        </pc:spChg>
        <pc:spChg chg="add mod modVis">
          <ac:chgData name="Manuel Lidauer" userId="b55e45dd-c6cc-461d-bef5-835fc172e678" providerId="ADAL" clId="{BCD0C6F6-2D95-4A66-B702-D3858BC1FC00}" dt="2019-09-26T10:18:09.603" v="78021"/>
          <ac:spMkLst>
            <pc:docMk/>
            <pc:sldMk cId="1279582212" sldId="257"/>
            <ac:spMk id="2553" creationId="{A6A3D7BB-72A4-4C55-9A0F-B9AC1463AD2B}"/>
          </ac:spMkLst>
        </pc:spChg>
        <pc:spChg chg="add mod modVis">
          <ac:chgData name="Manuel Lidauer" userId="b55e45dd-c6cc-461d-bef5-835fc172e678" providerId="ADAL" clId="{BCD0C6F6-2D95-4A66-B702-D3858BC1FC00}" dt="2019-09-26T10:18:09.632" v="78065"/>
          <ac:spMkLst>
            <pc:docMk/>
            <pc:sldMk cId="1279582212" sldId="257"/>
            <ac:spMk id="2554" creationId="{391D06F9-CF69-428F-AA10-E0A929917905}"/>
          </ac:spMkLst>
        </pc:spChg>
        <pc:spChg chg="add mod modVis">
          <ac:chgData name="Manuel Lidauer" userId="b55e45dd-c6cc-461d-bef5-835fc172e678" providerId="ADAL" clId="{BCD0C6F6-2D95-4A66-B702-D3858BC1FC00}" dt="2019-09-26T10:18:09.664" v="78112"/>
          <ac:spMkLst>
            <pc:docMk/>
            <pc:sldMk cId="1279582212" sldId="257"/>
            <ac:spMk id="2555" creationId="{6839CF77-B3B6-45FF-94C6-4E41B4CA5538}"/>
          </ac:spMkLst>
        </pc:spChg>
        <pc:spChg chg="add mod modVis">
          <ac:chgData name="Manuel Lidauer" userId="b55e45dd-c6cc-461d-bef5-835fc172e678" providerId="ADAL" clId="{BCD0C6F6-2D95-4A66-B702-D3858BC1FC00}" dt="2019-09-26T10:18:09.680" v="78149"/>
          <ac:spMkLst>
            <pc:docMk/>
            <pc:sldMk cId="1279582212" sldId="257"/>
            <ac:spMk id="2556" creationId="{C0861D28-E768-4F88-9BF9-457AB2D4E68C}"/>
          </ac:spMkLst>
        </pc:spChg>
        <pc:spChg chg="add mod modVis">
          <ac:chgData name="Manuel Lidauer" userId="b55e45dd-c6cc-461d-bef5-835fc172e678" providerId="ADAL" clId="{BCD0C6F6-2D95-4A66-B702-D3858BC1FC00}" dt="2019-09-26T10:18:09.713" v="78196"/>
          <ac:spMkLst>
            <pc:docMk/>
            <pc:sldMk cId="1279582212" sldId="257"/>
            <ac:spMk id="2557" creationId="{978A7D03-6690-4B13-A9EB-267674A630C0}"/>
          </ac:spMkLst>
        </pc:spChg>
        <pc:spChg chg="add mod modVis">
          <ac:chgData name="Manuel Lidauer" userId="b55e45dd-c6cc-461d-bef5-835fc172e678" providerId="ADAL" clId="{BCD0C6F6-2D95-4A66-B702-D3858BC1FC00}" dt="2019-09-26T10:18:09.745" v="78243"/>
          <ac:spMkLst>
            <pc:docMk/>
            <pc:sldMk cId="1279582212" sldId="257"/>
            <ac:spMk id="2558" creationId="{55A5A966-042F-4C53-93B1-5D54DA0814F6}"/>
          </ac:spMkLst>
        </pc:spChg>
        <pc:spChg chg="add mod modVis">
          <ac:chgData name="Manuel Lidauer" userId="b55e45dd-c6cc-461d-bef5-835fc172e678" providerId="ADAL" clId="{BCD0C6F6-2D95-4A66-B702-D3858BC1FC00}" dt="2019-09-26T10:18:09.761" v="78280"/>
          <ac:spMkLst>
            <pc:docMk/>
            <pc:sldMk cId="1279582212" sldId="257"/>
            <ac:spMk id="2559" creationId="{260A21DF-F51B-4F3A-969E-363F4F968E9A}"/>
          </ac:spMkLst>
        </pc:spChg>
        <pc:spChg chg="add mod modVis">
          <ac:chgData name="Manuel Lidauer" userId="b55e45dd-c6cc-461d-bef5-835fc172e678" providerId="ADAL" clId="{BCD0C6F6-2D95-4A66-B702-D3858BC1FC00}" dt="2019-09-26T10:18:09.795" v="78327"/>
          <ac:spMkLst>
            <pc:docMk/>
            <pc:sldMk cId="1279582212" sldId="257"/>
            <ac:spMk id="2560" creationId="{945EA01A-D0D0-4BA4-AFEB-E4D3680C2A84}"/>
          </ac:spMkLst>
        </pc:spChg>
        <pc:spChg chg="add mod modVis">
          <ac:chgData name="Manuel Lidauer" userId="b55e45dd-c6cc-461d-bef5-835fc172e678" providerId="ADAL" clId="{BCD0C6F6-2D95-4A66-B702-D3858BC1FC00}" dt="2019-09-26T10:18:09.828" v="78374"/>
          <ac:spMkLst>
            <pc:docMk/>
            <pc:sldMk cId="1279582212" sldId="257"/>
            <ac:spMk id="2561" creationId="{96F6F785-8312-4696-8C56-6B8701E501EA}"/>
          </ac:spMkLst>
        </pc:spChg>
        <pc:spChg chg="add mod modVis">
          <ac:chgData name="Manuel Lidauer" userId="b55e45dd-c6cc-461d-bef5-835fc172e678" providerId="ADAL" clId="{BCD0C6F6-2D95-4A66-B702-D3858BC1FC00}" dt="2019-09-26T10:18:09.844" v="78411"/>
          <ac:spMkLst>
            <pc:docMk/>
            <pc:sldMk cId="1279582212" sldId="257"/>
            <ac:spMk id="2562" creationId="{E42F6BE6-175A-4732-BC75-E98CE342FCD2}"/>
          </ac:spMkLst>
        </pc:spChg>
        <pc:spChg chg="add mod modVis">
          <ac:chgData name="Manuel Lidauer" userId="b55e45dd-c6cc-461d-bef5-835fc172e678" providerId="ADAL" clId="{BCD0C6F6-2D95-4A66-B702-D3858BC1FC00}" dt="2019-09-26T10:18:09.875" v="78456"/>
          <ac:spMkLst>
            <pc:docMk/>
            <pc:sldMk cId="1279582212" sldId="257"/>
            <ac:spMk id="2563" creationId="{0DB12341-2113-4188-BED5-37C86C7A844C}"/>
          </ac:spMkLst>
        </pc:spChg>
        <pc:spChg chg="add mod modVis">
          <ac:chgData name="Manuel Lidauer" userId="b55e45dd-c6cc-461d-bef5-835fc172e678" providerId="ADAL" clId="{BCD0C6F6-2D95-4A66-B702-D3858BC1FC00}" dt="2019-09-26T10:18:09.908" v="78503"/>
          <ac:spMkLst>
            <pc:docMk/>
            <pc:sldMk cId="1279582212" sldId="257"/>
            <ac:spMk id="2564" creationId="{D7E402EB-F9AF-4394-B14A-D7AE81A42424}"/>
          </ac:spMkLst>
        </pc:spChg>
        <pc:spChg chg="add mod modVis">
          <ac:chgData name="Manuel Lidauer" userId="b55e45dd-c6cc-461d-bef5-835fc172e678" providerId="ADAL" clId="{BCD0C6F6-2D95-4A66-B702-D3858BC1FC00}" dt="2019-09-26T10:18:09.924" v="78540"/>
          <ac:spMkLst>
            <pc:docMk/>
            <pc:sldMk cId="1279582212" sldId="257"/>
            <ac:spMk id="2565" creationId="{B04E3C1F-1959-4053-A318-E8BEDDF10A71}"/>
          </ac:spMkLst>
        </pc:spChg>
        <pc:spChg chg="add mod modVis">
          <ac:chgData name="Manuel Lidauer" userId="b55e45dd-c6cc-461d-bef5-835fc172e678" providerId="ADAL" clId="{BCD0C6F6-2D95-4A66-B702-D3858BC1FC00}" dt="2019-09-26T10:18:09.940" v="78575"/>
          <ac:spMkLst>
            <pc:docMk/>
            <pc:sldMk cId="1279582212" sldId="257"/>
            <ac:spMk id="2566" creationId="{E701E4CD-FDE9-4AE4-BE65-CC9C47183D54}"/>
          </ac:spMkLst>
        </pc:spChg>
        <pc:spChg chg="add mod modVis">
          <ac:chgData name="Manuel Lidauer" userId="b55e45dd-c6cc-461d-bef5-835fc172e678" providerId="ADAL" clId="{BCD0C6F6-2D95-4A66-B702-D3858BC1FC00}" dt="2019-09-26T10:18:09.941" v="78579"/>
          <ac:spMkLst>
            <pc:docMk/>
            <pc:sldMk cId="1279582212" sldId="257"/>
            <ac:spMk id="2567" creationId="{F0FFD19D-F8DB-444C-840B-FBB0C9942A31}"/>
          </ac:spMkLst>
        </pc:spChg>
        <pc:spChg chg="add mod modVis">
          <ac:chgData name="Manuel Lidauer" userId="b55e45dd-c6cc-461d-bef5-835fc172e678" providerId="ADAL" clId="{BCD0C6F6-2D95-4A66-B702-D3858BC1FC00}" dt="2019-09-26T10:18:09.969" v="78618"/>
          <ac:spMkLst>
            <pc:docMk/>
            <pc:sldMk cId="1279582212" sldId="257"/>
            <ac:spMk id="2568" creationId="{89D1003C-3922-4F99-A491-A9F45E8D840E}"/>
          </ac:spMkLst>
        </pc:spChg>
        <pc:spChg chg="add mod modVis">
          <ac:chgData name="Manuel Lidauer" userId="b55e45dd-c6cc-461d-bef5-835fc172e678" providerId="ADAL" clId="{BCD0C6F6-2D95-4A66-B702-D3858BC1FC00}" dt="2019-09-26T10:18:09.995" v="78657"/>
          <ac:spMkLst>
            <pc:docMk/>
            <pc:sldMk cId="1279582212" sldId="257"/>
            <ac:spMk id="2569" creationId="{19D4705D-7196-4258-B18F-4557D8D2B492}"/>
          </ac:spMkLst>
        </pc:spChg>
        <pc:spChg chg="add mod modVis">
          <ac:chgData name="Manuel Lidauer" userId="b55e45dd-c6cc-461d-bef5-835fc172e678" providerId="ADAL" clId="{BCD0C6F6-2D95-4A66-B702-D3858BC1FC00}" dt="2019-09-26T10:18:10.023" v="78696"/>
          <ac:spMkLst>
            <pc:docMk/>
            <pc:sldMk cId="1279582212" sldId="257"/>
            <ac:spMk id="2570" creationId="{2AB35093-53E6-4EB4-B4A6-83C6FBD5D738}"/>
          </ac:spMkLst>
        </pc:spChg>
        <pc:spChg chg="add mod modVis">
          <ac:chgData name="Manuel Lidauer" userId="b55e45dd-c6cc-461d-bef5-835fc172e678" providerId="ADAL" clId="{BCD0C6F6-2D95-4A66-B702-D3858BC1FC00}" dt="2019-09-26T10:18:10.049" v="78735"/>
          <ac:spMkLst>
            <pc:docMk/>
            <pc:sldMk cId="1279582212" sldId="257"/>
            <ac:spMk id="2571" creationId="{867764CE-D679-4314-B8FC-FA36A094C8D6}"/>
          </ac:spMkLst>
        </pc:spChg>
        <pc:spChg chg="add mod modVis">
          <ac:chgData name="Manuel Lidauer" userId="b55e45dd-c6cc-461d-bef5-835fc172e678" providerId="ADAL" clId="{BCD0C6F6-2D95-4A66-B702-D3858BC1FC00}" dt="2019-09-26T10:18:10.081" v="78781"/>
          <ac:spMkLst>
            <pc:docMk/>
            <pc:sldMk cId="1279582212" sldId="257"/>
            <ac:spMk id="2572" creationId="{F202D72B-9B33-4DA5-A113-7E92459DCDD5}"/>
          </ac:spMkLst>
        </pc:spChg>
        <pc:spChg chg="add mod modVis">
          <ac:chgData name="Manuel Lidauer" userId="b55e45dd-c6cc-461d-bef5-835fc172e678" providerId="ADAL" clId="{BCD0C6F6-2D95-4A66-B702-D3858BC1FC00}" dt="2019-09-26T10:18:10.120" v="78827"/>
          <ac:spMkLst>
            <pc:docMk/>
            <pc:sldMk cId="1279582212" sldId="257"/>
            <ac:spMk id="2573" creationId="{9F70A673-A62F-4B36-8F1B-6C36F509A764}"/>
          </ac:spMkLst>
        </pc:spChg>
        <pc:spChg chg="add mod modVis">
          <ac:chgData name="Manuel Lidauer" userId="b55e45dd-c6cc-461d-bef5-835fc172e678" providerId="ADAL" clId="{BCD0C6F6-2D95-4A66-B702-D3858BC1FC00}" dt="2019-09-26T10:18:10.148" v="78862"/>
          <ac:spMkLst>
            <pc:docMk/>
            <pc:sldMk cId="1279582212" sldId="257"/>
            <ac:spMk id="2574" creationId="{DC566068-D633-44D0-B333-73D16A0CB56F}"/>
          </ac:spMkLst>
        </pc:spChg>
        <pc:spChg chg="add mod modVis">
          <ac:chgData name="Manuel Lidauer" userId="b55e45dd-c6cc-461d-bef5-835fc172e678" providerId="ADAL" clId="{BCD0C6F6-2D95-4A66-B702-D3858BC1FC00}" dt="2019-09-26T10:18:10.150" v="78866"/>
          <ac:spMkLst>
            <pc:docMk/>
            <pc:sldMk cId="1279582212" sldId="257"/>
            <ac:spMk id="2575" creationId="{4A3A9B85-B57B-4DD1-BE5A-C515352B5A05}"/>
          </ac:spMkLst>
        </pc:spChg>
        <pc:spChg chg="add mod modVis">
          <ac:chgData name="Manuel Lidauer" userId="b55e45dd-c6cc-461d-bef5-835fc172e678" providerId="ADAL" clId="{BCD0C6F6-2D95-4A66-B702-D3858BC1FC00}" dt="2019-09-26T10:18:10.195" v="78905"/>
          <ac:spMkLst>
            <pc:docMk/>
            <pc:sldMk cId="1279582212" sldId="257"/>
            <ac:spMk id="2576" creationId="{87A0D280-A4F2-4226-83E0-F82C4D4ED0AD}"/>
          </ac:spMkLst>
        </pc:spChg>
        <pc:spChg chg="add mod modVis">
          <ac:chgData name="Manuel Lidauer" userId="b55e45dd-c6cc-461d-bef5-835fc172e678" providerId="ADAL" clId="{BCD0C6F6-2D95-4A66-B702-D3858BC1FC00}" dt="2019-09-26T10:18:10.239" v="78944"/>
          <ac:spMkLst>
            <pc:docMk/>
            <pc:sldMk cId="1279582212" sldId="257"/>
            <ac:spMk id="2577" creationId="{996BBCD5-BFFB-4C77-894A-3323805F34F6}"/>
          </ac:spMkLst>
        </pc:spChg>
        <pc:spChg chg="add mod modVis">
          <ac:chgData name="Manuel Lidauer" userId="b55e45dd-c6cc-461d-bef5-835fc172e678" providerId="ADAL" clId="{BCD0C6F6-2D95-4A66-B702-D3858BC1FC00}" dt="2019-09-26T10:18:10.279" v="78983"/>
          <ac:spMkLst>
            <pc:docMk/>
            <pc:sldMk cId="1279582212" sldId="257"/>
            <ac:spMk id="2578" creationId="{3E84DA6E-58D3-4D72-A76E-B23E84683AFB}"/>
          </ac:spMkLst>
        </pc:spChg>
        <pc:spChg chg="add mod modVis">
          <ac:chgData name="Manuel Lidauer" userId="b55e45dd-c6cc-461d-bef5-835fc172e678" providerId="ADAL" clId="{BCD0C6F6-2D95-4A66-B702-D3858BC1FC00}" dt="2019-09-26T10:18:10.307" v="79022"/>
          <ac:spMkLst>
            <pc:docMk/>
            <pc:sldMk cId="1279582212" sldId="257"/>
            <ac:spMk id="2579" creationId="{C961F178-1480-4B66-B0FF-9DE90892A046}"/>
          </ac:spMkLst>
        </pc:spChg>
        <pc:spChg chg="add mod modVis">
          <ac:chgData name="Manuel Lidauer" userId="b55e45dd-c6cc-461d-bef5-835fc172e678" providerId="ADAL" clId="{BCD0C6F6-2D95-4A66-B702-D3858BC1FC00}" dt="2019-09-26T10:18:10.340" v="79068"/>
          <ac:spMkLst>
            <pc:docMk/>
            <pc:sldMk cId="1279582212" sldId="257"/>
            <ac:spMk id="2580" creationId="{D6AC322F-5968-43A2-A70A-A7AFC5556BD1}"/>
          </ac:spMkLst>
        </pc:spChg>
        <pc:spChg chg="add mod modVis">
          <ac:chgData name="Manuel Lidauer" userId="b55e45dd-c6cc-461d-bef5-835fc172e678" providerId="ADAL" clId="{BCD0C6F6-2D95-4A66-B702-D3858BC1FC00}" dt="2019-09-26T10:18:10.372" v="79113"/>
          <ac:spMkLst>
            <pc:docMk/>
            <pc:sldMk cId="1279582212" sldId="257"/>
            <ac:spMk id="2581" creationId="{2E1B13AD-15FB-4E10-B65B-80D9AD635379}"/>
          </ac:spMkLst>
        </pc:spChg>
        <pc:spChg chg="add mod modVis">
          <ac:chgData name="Manuel Lidauer" userId="b55e45dd-c6cc-461d-bef5-835fc172e678" providerId="ADAL" clId="{BCD0C6F6-2D95-4A66-B702-D3858BC1FC00}" dt="2019-09-26T10:18:10.388" v="79148"/>
          <ac:spMkLst>
            <pc:docMk/>
            <pc:sldMk cId="1279582212" sldId="257"/>
            <ac:spMk id="2582" creationId="{11729656-599F-480E-875D-75AD340637B4}"/>
          </ac:spMkLst>
        </pc:spChg>
        <pc:spChg chg="add mod modVis">
          <ac:chgData name="Manuel Lidauer" userId="b55e45dd-c6cc-461d-bef5-835fc172e678" providerId="ADAL" clId="{BCD0C6F6-2D95-4A66-B702-D3858BC1FC00}" dt="2019-09-26T10:18:10.390" v="79152"/>
          <ac:spMkLst>
            <pc:docMk/>
            <pc:sldMk cId="1279582212" sldId="257"/>
            <ac:spMk id="2583" creationId="{1826883E-D80A-433A-B502-082FF918FFFA}"/>
          </ac:spMkLst>
        </pc:spChg>
        <pc:spChg chg="add mod modVis">
          <ac:chgData name="Manuel Lidauer" userId="b55e45dd-c6cc-461d-bef5-835fc172e678" providerId="ADAL" clId="{BCD0C6F6-2D95-4A66-B702-D3858BC1FC00}" dt="2019-09-26T10:18:10.418" v="79191"/>
          <ac:spMkLst>
            <pc:docMk/>
            <pc:sldMk cId="1279582212" sldId="257"/>
            <ac:spMk id="2584" creationId="{CBFB0F7F-6EB3-4632-809C-4D0467097CBD}"/>
          </ac:spMkLst>
        </pc:spChg>
        <pc:spChg chg="add mod modVis">
          <ac:chgData name="Manuel Lidauer" userId="b55e45dd-c6cc-461d-bef5-835fc172e678" providerId="ADAL" clId="{BCD0C6F6-2D95-4A66-B702-D3858BC1FC00}" dt="2019-09-26T10:18:10.445" v="79230"/>
          <ac:spMkLst>
            <pc:docMk/>
            <pc:sldMk cId="1279582212" sldId="257"/>
            <ac:spMk id="2585" creationId="{0F92AF05-CAF0-4050-8EDC-CC7DB7FB6CF9}"/>
          </ac:spMkLst>
        </pc:spChg>
        <pc:spChg chg="add mod modVis">
          <ac:chgData name="Manuel Lidauer" userId="b55e45dd-c6cc-461d-bef5-835fc172e678" providerId="ADAL" clId="{BCD0C6F6-2D95-4A66-B702-D3858BC1FC00}" dt="2019-09-26T10:18:10.472" v="79269"/>
          <ac:spMkLst>
            <pc:docMk/>
            <pc:sldMk cId="1279582212" sldId="257"/>
            <ac:spMk id="2586" creationId="{B37AC1DF-F64F-4313-9EDF-4E914E2DA7F1}"/>
          </ac:spMkLst>
        </pc:spChg>
        <pc:spChg chg="add mod modVis">
          <ac:chgData name="Manuel Lidauer" userId="b55e45dd-c6cc-461d-bef5-835fc172e678" providerId="ADAL" clId="{BCD0C6F6-2D95-4A66-B702-D3858BC1FC00}" dt="2019-09-26T10:18:10.499" v="79308"/>
          <ac:spMkLst>
            <pc:docMk/>
            <pc:sldMk cId="1279582212" sldId="257"/>
            <ac:spMk id="2587" creationId="{60B1B4B3-BCEA-4B33-9FEF-170C7B909C42}"/>
          </ac:spMkLst>
        </pc:spChg>
        <pc:spChg chg="add mod modVis">
          <ac:chgData name="Manuel Lidauer" userId="b55e45dd-c6cc-461d-bef5-835fc172e678" providerId="ADAL" clId="{BCD0C6F6-2D95-4A66-B702-D3858BC1FC00}" dt="2019-09-26T10:18:10.534" v="79354"/>
          <ac:spMkLst>
            <pc:docMk/>
            <pc:sldMk cId="1279582212" sldId="257"/>
            <ac:spMk id="2588" creationId="{8F6672D5-943A-44D3-B88D-3C80E4C869B0}"/>
          </ac:spMkLst>
        </pc:spChg>
        <pc:spChg chg="add mod modVis">
          <ac:chgData name="Manuel Lidauer" userId="b55e45dd-c6cc-461d-bef5-835fc172e678" providerId="ADAL" clId="{BCD0C6F6-2D95-4A66-B702-D3858BC1FC00}" dt="2019-09-26T10:18:10.567" v="79399"/>
          <ac:spMkLst>
            <pc:docMk/>
            <pc:sldMk cId="1279582212" sldId="257"/>
            <ac:spMk id="2589" creationId="{A001B16E-E15E-47AA-AD4E-B4BB83083FB0}"/>
          </ac:spMkLst>
        </pc:spChg>
        <pc:spChg chg="add mod modVis">
          <ac:chgData name="Manuel Lidauer" userId="b55e45dd-c6cc-461d-bef5-835fc172e678" providerId="ADAL" clId="{BCD0C6F6-2D95-4A66-B702-D3858BC1FC00}" dt="2019-09-26T10:18:10.583" v="79434"/>
          <ac:spMkLst>
            <pc:docMk/>
            <pc:sldMk cId="1279582212" sldId="257"/>
            <ac:spMk id="2590" creationId="{E7B76170-DE06-4752-BD61-1F684488B647}"/>
          </ac:spMkLst>
        </pc:spChg>
        <pc:spChg chg="add mod modVis">
          <ac:chgData name="Manuel Lidauer" userId="b55e45dd-c6cc-461d-bef5-835fc172e678" providerId="ADAL" clId="{BCD0C6F6-2D95-4A66-B702-D3858BC1FC00}" dt="2019-09-26T10:18:10.586" v="79438"/>
          <ac:spMkLst>
            <pc:docMk/>
            <pc:sldMk cId="1279582212" sldId="257"/>
            <ac:spMk id="2591" creationId="{E3361A95-C075-49AC-9E54-B6C87C133732}"/>
          </ac:spMkLst>
        </pc:spChg>
        <pc:spChg chg="add mod modVis">
          <ac:chgData name="Manuel Lidauer" userId="b55e45dd-c6cc-461d-bef5-835fc172e678" providerId="ADAL" clId="{BCD0C6F6-2D95-4A66-B702-D3858BC1FC00}" dt="2019-09-26T10:18:10.621" v="79477"/>
          <ac:spMkLst>
            <pc:docMk/>
            <pc:sldMk cId="1279582212" sldId="257"/>
            <ac:spMk id="2592" creationId="{2C2138B7-2D16-4083-8903-CD909C8B6545}"/>
          </ac:spMkLst>
        </pc:spChg>
        <pc:spChg chg="add mod modVis">
          <ac:chgData name="Manuel Lidauer" userId="b55e45dd-c6cc-461d-bef5-835fc172e678" providerId="ADAL" clId="{BCD0C6F6-2D95-4A66-B702-D3858BC1FC00}" dt="2019-09-26T10:18:10.652" v="79516"/>
          <ac:spMkLst>
            <pc:docMk/>
            <pc:sldMk cId="1279582212" sldId="257"/>
            <ac:spMk id="2593" creationId="{13D96A40-D42C-4870-8D49-4DF258F1181B}"/>
          </ac:spMkLst>
        </pc:spChg>
        <pc:spChg chg="add mod modVis">
          <ac:chgData name="Manuel Lidauer" userId="b55e45dd-c6cc-461d-bef5-835fc172e678" providerId="ADAL" clId="{BCD0C6F6-2D95-4A66-B702-D3858BC1FC00}" dt="2019-09-26T10:18:10.680" v="79555"/>
          <ac:spMkLst>
            <pc:docMk/>
            <pc:sldMk cId="1279582212" sldId="257"/>
            <ac:spMk id="2594" creationId="{5C3DD7A1-A7FF-4E08-B886-265C7252AF75}"/>
          </ac:spMkLst>
        </pc:spChg>
        <pc:spChg chg="add mod modVis">
          <ac:chgData name="Manuel Lidauer" userId="b55e45dd-c6cc-461d-bef5-835fc172e678" providerId="ADAL" clId="{BCD0C6F6-2D95-4A66-B702-D3858BC1FC00}" dt="2019-09-26T10:18:10.708" v="79594"/>
          <ac:spMkLst>
            <pc:docMk/>
            <pc:sldMk cId="1279582212" sldId="257"/>
            <ac:spMk id="2595" creationId="{14FBBAD0-6D57-46CB-810C-450151C72F79}"/>
          </ac:spMkLst>
        </pc:spChg>
        <pc:spChg chg="add mod modVis">
          <ac:chgData name="Manuel Lidauer" userId="b55e45dd-c6cc-461d-bef5-835fc172e678" providerId="ADAL" clId="{BCD0C6F6-2D95-4A66-B702-D3858BC1FC00}" dt="2019-09-26T10:18:10.742" v="79640"/>
          <ac:spMkLst>
            <pc:docMk/>
            <pc:sldMk cId="1279582212" sldId="257"/>
            <ac:spMk id="2596" creationId="{5AA6CB8B-F902-49E9-BB77-25238DBF8DF6}"/>
          </ac:spMkLst>
        </pc:spChg>
        <pc:spChg chg="add mod modVis">
          <ac:chgData name="Manuel Lidauer" userId="b55e45dd-c6cc-461d-bef5-835fc172e678" providerId="ADAL" clId="{BCD0C6F6-2D95-4A66-B702-D3858BC1FC00}" dt="2019-09-26T10:18:10.773" v="79684"/>
          <ac:spMkLst>
            <pc:docMk/>
            <pc:sldMk cId="1279582212" sldId="257"/>
            <ac:spMk id="2597" creationId="{CB52C854-C548-4F5D-A02F-FC05418E29B1}"/>
          </ac:spMkLst>
        </pc:spChg>
        <pc:spChg chg="add mod modVis">
          <ac:chgData name="Manuel Lidauer" userId="b55e45dd-c6cc-461d-bef5-835fc172e678" providerId="ADAL" clId="{BCD0C6F6-2D95-4A66-B702-D3858BC1FC00}" dt="2019-09-26T10:18:10.790" v="79719"/>
          <ac:spMkLst>
            <pc:docMk/>
            <pc:sldMk cId="1279582212" sldId="257"/>
            <ac:spMk id="2598" creationId="{398BC5D4-840D-4782-9CA7-BA7096F9CBC7}"/>
          </ac:spMkLst>
        </pc:spChg>
        <pc:spChg chg="add mod modVis">
          <ac:chgData name="Manuel Lidauer" userId="b55e45dd-c6cc-461d-bef5-835fc172e678" providerId="ADAL" clId="{BCD0C6F6-2D95-4A66-B702-D3858BC1FC00}" dt="2019-09-26T10:18:10.791" v="79723"/>
          <ac:spMkLst>
            <pc:docMk/>
            <pc:sldMk cId="1279582212" sldId="257"/>
            <ac:spMk id="2599" creationId="{EEA5C95A-A82E-4BBB-87AD-72928E662A2F}"/>
          </ac:spMkLst>
        </pc:spChg>
        <pc:spChg chg="add mod modVis">
          <ac:chgData name="Manuel Lidauer" userId="b55e45dd-c6cc-461d-bef5-835fc172e678" providerId="ADAL" clId="{BCD0C6F6-2D95-4A66-B702-D3858BC1FC00}" dt="2019-09-26T10:18:10.820" v="79762"/>
          <ac:spMkLst>
            <pc:docMk/>
            <pc:sldMk cId="1279582212" sldId="257"/>
            <ac:spMk id="2600" creationId="{C00F84CB-8471-4273-A879-6F384C5984FC}"/>
          </ac:spMkLst>
        </pc:spChg>
        <pc:spChg chg="add mod modVis">
          <ac:chgData name="Manuel Lidauer" userId="b55e45dd-c6cc-461d-bef5-835fc172e678" providerId="ADAL" clId="{BCD0C6F6-2D95-4A66-B702-D3858BC1FC00}" dt="2019-09-26T10:18:10.848" v="79801"/>
          <ac:spMkLst>
            <pc:docMk/>
            <pc:sldMk cId="1279582212" sldId="257"/>
            <ac:spMk id="2601" creationId="{5BED287F-7429-4682-8057-C3DDECA310A7}"/>
          </ac:spMkLst>
        </pc:spChg>
        <pc:spChg chg="add mod modVis">
          <ac:chgData name="Manuel Lidauer" userId="b55e45dd-c6cc-461d-bef5-835fc172e678" providerId="ADAL" clId="{BCD0C6F6-2D95-4A66-B702-D3858BC1FC00}" dt="2019-09-26T10:18:10.874" v="79840"/>
          <ac:spMkLst>
            <pc:docMk/>
            <pc:sldMk cId="1279582212" sldId="257"/>
            <ac:spMk id="2602" creationId="{9580809E-9BE2-4D85-B094-D1FB1382A77F}"/>
          </ac:spMkLst>
        </pc:spChg>
        <pc:spChg chg="add mod modVis">
          <ac:chgData name="Manuel Lidauer" userId="b55e45dd-c6cc-461d-bef5-835fc172e678" providerId="ADAL" clId="{BCD0C6F6-2D95-4A66-B702-D3858BC1FC00}" dt="2019-09-26T10:18:10.903" v="79879"/>
          <ac:spMkLst>
            <pc:docMk/>
            <pc:sldMk cId="1279582212" sldId="257"/>
            <ac:spMk id="2603" creationId="{A38B7CF6-8DDB-4A78-BD1A-D1B777DBB333}"/>
          </ac:spMkLst>
        </pc:spChg>
        <pc:spChg chg="add mod modVis">
          <ac:chgData name="Manuel Lidauer" userId="b55e45dd-c6cc-461d-bef5-835fc172e678" providerId="ADAL" clId="{BCD0C6F6-2D95-4A66-B702-D3858BC1FC00}" dt="2019-09-26T10:18:10.937" v="79925"/>
          <ac:spMkLst>
            <pc:docMk/>
            <pc:sldMk cId="1279582212" sldId="257"/>
            <ac:spMk id="2604" creationId="{976DCA64-D717-4B81-B57F-CC4D9716566F}"/>
          </ac:spMkLst>
        </pc:spChg>
        <pc:spChg chg="add mod modVis">
          <ac:chgData name="Manuel Lidauer" userId="b55e45dd-c6cc-461d-bef5-835fc172e678" providerId="ADAL" clId="{BCD0C6F6-2D95-4A66-B702-D3858BC1FC00}" dt="2019-09-26T10:18:10.969" v="79969"/>
          <ac:spMkLst>
            <pc:docMk/>
            <pc:sldMk cId="1279582212" sldId="257"/>
            <ac:spMk id="2605" creationId="{5926B69F-FE09-4C39-9978-5CF076F0E779}"/>
          </ac:spMkLst>
        </pc:spChg>
        <pc:spChg chg="add mod modVis">
          <ac:chgData name="Manuel Lidauer" userId="b55e45dd-c6cc-461d-bef5-835fc172e678" providerId="ADAL" clId="{BCD0C6F6-2D95-4A66-B702-D3858BC1FC00}" dt="2019-09-26T10:18:10.985" v="80004"/>
          <ac:spMkLst>
            <pc:docMk/>
            <pc:sldMk cId="1279582212" sldId="257"/>
            <ac:spMk id="2606" creationId="{B9680C16-D04F-4F47-A288-0E8D1FB8EC11}"/>
          </ac:spMkLst>
        </pc:spChg>
        <pc:spChg chg="add mod modVis">
          <ac:chgData name="Manuel Lidauer" userId="b55e45dd-c6cc-461d-bef5-835fc172e678" providerId="ADAL" clId="{BCD0C6F6-2D95-4A66-B702-D3858BC1FC00}" dt="2019-09-26T10:18:10.988" v="80008"/>
          <ac:spMkLst>
            <pc:docMk/>
            <pc:sldMk cId="1279582212" sldId="257"/>
            <ac:spMk id="2607" creationId="{76FE9475-679F-4A90-AFA4-05640F20512D}"/>
          </ac:spMkLst>
        </pc:spChg>
        <pc:spChg chg="add mod modVis">
          <ac:chgData name="Manuel Lidauer" userId="b55e45dd-c6cc-461d-bef5-835fc172e678" providerId="ADAL" clId="{BCD0C6F6-2D95-4A66-B702-D3858BC1FC00}" dt="2019-09-26T10:18:11.016" v="80047"/>
          <ac:spMkLst>
            <pc:docMk/>
            <pc:sldMk cId="1279582212" sldId="257"/>
            <ac:spMk id="2608" creationId="{4531EBBA-0C94-4424-8640-06A491EBFDD6}"/>
          </ac:spMkLst>
        </pc:spChg>
        <pc:spChg chg="add mod modVis">
          <ac:chgData name="Manuel Lidauer" userId="b55e45dd-c6cc-461d-bef5-835fc172e678" providerId="ADAL" clId="{BCD0C6F6-2D95-4A66-B702-D3858BC1FC00}" dt="2019-09-26T10:18:11.046" v="80086"/>
          <ac:spMkLst>
            <pc:docMk/>
            <pc:sldMk cId="1279582212" sldId="257"/>
            <ac:spMk id="2609" creationId="{7F8048BB-83CF-40C3-838D-3543B2490E75}"/>
          </ac:spMkLst>
        </pc:spChg>
        <pc:spChg chg="add mod modVis">
          <ac:chgData name="Manuel Lidauer" userId="b55e45dd-c6cc-461d-bef5-835fc172e678" providerId="ADAL" clId="{BCD0C6F6-2D95-4A66-B702-D3858BC1FC00}" dt="2019-09-26T10:18:11.075" v="80125"/>
          <ac:spMkLst>
            <pc:docMk/>
            <pc:sldMk cId="1279582212" sldId="257"/>
            <ac:spMk id="2610" creationId="{07ACA891-FA71-43E8-995D-044EC458C42B}"/>
          </ac:spMkLst>
        </pc:spChg>
        <pc:spChg chg="add mod modVis">
          <ac:chgData name="Manuel Lidauer" userId="b55e45dd-c6cc-461d-bef5-835fc172e678" providerId="ADAL" clId="{BCD0C6F6-2D95-4A66-B702-D3858BC1FC00}" dt="2019-09-26T10:18:11.103" v="80164"/>
          <ac:spMkLst>
            <pc:docMk/>
            <pc:sldMk cId="1279582212" sldId="257"/>
            <ac:spMk id="2611" creationId="{F1172A5D-90A5-473E-A57E-53DC01A7B1B8}"/>
          </ac:spMkLst>
        </pc:spChg>
        <pc:spChg chg="add mod modVis">
          <ac:chgData name="Manuel Lidauer" userId="b55e45dd-c6cc-461d-bef5-835fc172e678" providerId="ADAL" clId="{BCD0C6F6-2D95-4A66-B702-D3858BC1FC00}" dt="2019-09-26T10:18:11.138" v="80210"/>
          <ac:spMkLst>
            <pc:docMk/>
            <pc:sldMk cId="1279582212" sldId="257"/>
            <ac:spMk id="2612" creationId="{578B8171-AA6F-4A4B-8FA0-60E503747EA5}"/>
          </ac:spMkLst>
        </pc:spChg>
        <pc:spChg chg="add mod modVis">
          <ac:chgData name="Manuel Lidauer" userId="b55e45dd-c6cc-461d-bef5-835fc172e678" providerId="ADAL" clId="{BCD0C6F6-2D95-4A66-B702-D3858BC1FC00}" dt="2019-09-26T10:18:11.171" v="80254"/>
          <ac:spMkLst>
            <pc:docMk/>
            <pc:sldMk cId="1279582212" sldId="257"/>
            <ac:spMk id="2613" creationId="{7A556C30-280C-41E9-9439-C5C1961F2343}"/>
          </ac:spMkLst>
        </pc:spChg>
        <pc:spChg chg="add mod modVis">
          <ac:chgData name="Manuel Lidauer" userId="b55e45dd-c6cc-461d-bef5-835fc172e678" providerId="ADAL" clId="{BCD0C6F6-2D95-4A66-B702-D3858BC1FC00}" dt="2019-09-26T10:18:11.189" v="80289"/>
          <ac:spMkLst>
            <pc:docMk/>
            <pc:sldMk cId="1279582212" sldId="257"/>
            <ac:spMk id="2614" creationId="{ADABE1D9-8177-41BA-9474-856FF2F376E0}"/>
          </ac:spMkLst>
        </pc:spChg>
        <pc:spChg chg="add mod modVis">
          <ac:chgData name="Manuel Lidauer" userId="b55e45dd-c6cc-461d-bef5-835fc172e678" providerId="ADAL" clId="{BCD0C6F6-2D95-4A66-B702-D3858BC1FC00}" dt="2019-09-26T10:18:11.191" v="80293"/>
          <ac:spMkLst>
            <pc:docMk/>
            <pc:sldMk cId="1279582212" sldId="257"/>
            <ac:spMk id="2615" creationId="{DD80A5B2-6C74-44E6-A6DC-4D0F71369C81}"/>
          </ac:spMkLst>
        </pc:spChg>
        <pc:spChg chg="add mod modVis">
          <ac:chgData name="Manuel Lidauer" userId="b55e45dd-c6cc-461d-bef5-835fc172e678" providerId="ADAL" clId="{BCD0C6F6-2D95-4A66-B702-D3858BC1FC00}" dt="2019-09-26T10:18:11.219" v="80332"/>
          <ac:spMkLst>
            <pc:docMk/>
            <pc:sldMk cId="1279582212" sldId="257"/>
            <ac:spMk id="2616" creationId="{281957F7-E5EC-48AA-9D4B-FE2E707578E8}"/>
          </ac:spMkLst>
        </pc:spChg>
        <pc:spChg chg="add mod modVis">
          <ac:chgData name="Manuel Lidauer" userId="b55e45dd-c6cc-461d-bef5-835fc172e678" providerId="ADAL" clId="{BCD0C6F6-2D95-4A66-B702-D3858BC1FC00}" dt="2019-09-26T10:18:11.249" v="80371"/>
          <ac:spMkLst>
            <pc:docMk/>
            <pc:sldMk cId="1279582212" sldId="257"/>
            <ac:spMk id="2617" creationId="{BB00154E-A4F3-4866-BEF3-54F854917CA0}"/>
          </ac:spMkLst>
        </pc:spChg>
        <pc:spChg chg="add mod modVis">
          <ac:chgData name="Manuel Lidauer" userId="b55e45dd-c6cc-461d-bef5-835fc172e678" providerId="ADAL" clId="{BCD0C6F6-2D95-4A66-B702-D3858BC1FC00}" dt="2019-09-26T10:18:11.278" v="80410"/>
          <ac:spMkLst>
            <pc:docMk/>
            <pc:sldMk cId="1279582212" sldId="257"/>
            <ac:spMk id="2618" creationId="{960972CF-4E3B-458A-AA34-8221A9C789EA}"/>
          </ac:spMkLst>
        </pc:spChg>
        <pc:spChg chg="add mod modVis">
          <ac:chgData name="Manuel Lidauer" userId="b55e45dd-c6cc-461d-bef5-835fc172e678" providerId="ADAL" clId="{BCD0C6F6-2D95-4A66-B702-D3858BC1FC00}" dt="2019-09-26T10:18:11.308" v="80449"/>
          <ac:spMkLst>
            <pc:docMk/>
            <pc:sldMk cId="1279582212" sldId="257"/>
            <ac:spMk id="2619" creationId="{D57D3F54-6B99-4476-86E9-2E4C470438B0}"/>
          </ac:spMkLst>
        </pc:spChg>
        <pc:spChg chg="add mod modVis">
          <ac:chgData name="Manuel Lidauer" userId="b55e45dd-c6cc-461d-bef5-835fc172e678" providerId="ADAL" clId="{BCD0C6F6-2D95-4A66-B702-D3858BC1FC00}" dt="2019-09-26T10:18:11.344" v="80495"/>
          <ac:spMkLst>
            <pc:docMk/>
            <pc:sldMk cId="1279582212" sldId="257"/>
            <ac:spMk id="2620" creationId="{ECA42886-A862-4065-8C40-49E7053CC6F7}"/>
          </ac:spMkLst>
        </pc:spChg>
        <pc:spChg chg="add mod modVis">
          <ac:chgData name="Manuel Lidauer" userId="b55e45dd-c6cc-461d-bef5-835fc172e678" providerId="ADAL" clId="{BCD0C6F6-2D95-4A66-B702-D3858BC1FC00}" dt="2019-09-26T10:18:11.377" v="80539"/>
          <ac:spMkLst>
            <pc:docMk/>
            <pc:sldMk cId="1279582212" sldId="257"/>
            <ac:spMk id="2621" creationId="{5C18AF6E-6051-4934-98FD-A526DC1D8AF5}"/>
          </ac:spMkLst>
        </pc:spChg>
        <pc:spChg chg="add mod modVis">
          <ac:chgData name="Manuel Lidauer" userId="b55e45dd-c6cc-461d-bef5-835fc172e678" providerId="ADAL" clId="{BCD0C6F6-2D95-4A66-B702-D3858BC1FC00}" dt="2019-09-26T10:18:11.395" v="80574"/>
          <ac:spMkLst>
            <pc:docMk/>
            <pc:sldMk cId="1279582212" sldId="257"/>
            <ac:spMk id="2622" creationId="{8648EDE9-98FD-4003-A414-F6A0E9624FC4}"/>
          </ac:spMkLst>
        </pc:spChg>
        <pc:spChg chg="add mod modVis">
          <ac:chgData name="Manuel Lidauer" userId="b55e45dd-c6cc-461d-bef5-835fc172e678" providerId="ADAL" clId="{BCD0C6F6-2D95-4A66-B702-D3858BC1FC00}" dt="2019-09-26T10:18:11.397" v="80578"/>
          <ac:spMkLst>
            <pc:docMk/>
            <pc:sldMk cId="1279582212" sldId="257"/>
            <ac:spMk id="2623" creationId="{335E2C50-B3F8-4A9E-A7B0-CD9947157785}"/>
          </ac:spMkLst>
        </pc:spChg>
        <pc:spChg chg="add mod modVis">
          <ac:chgData name="Manuel Lidauer" userId="b55e45dd-c6cc-461d-bef5-835fc172e678" providerId="ADAL" clId="{BCD0C6F6-2D95-4A66-B702-D3858BC1FC00}" dt="2019-09-26T10:18:11.427" v="80617"/>
          <ac:spMkLst>
            <pc:docMk/>
            <pc:sldMk cId="1279582212" sldId="257"/>
            <ac:spMk id="2624" creationId="{2597800F-8CF0-439F-8BB9-263799AAC316}"/>
          </ac:spMkLst>
        </pc:spChg>
        <pc:spChg chg="add mod modVis">
          <ac:chgData name="Manuel Lidauer" userId="b55e45dd-c6cc-461d-bef5-835fc172e678" providerId="ADAL" clId="{BCD0C6F6-2D95-4A66-B702-D3858BC1FC00}" dt="2019-09-26T10:18:11.457" v="80656"/>
          <ac:spMkLst>
            <pc:docMk/>
            <pc:sldMk cId="1279582212" sldId="257"/>
            <ac:spMk id="2625" creationId="{C10BA6C3-D0F6-48F6-9B11-181F352B6AD3}"/>
          </ac:spMkLst>
        </pc:spChg>
        <pc:spChg chg="add mod modVis">
          <ac:chgData name="Manuel Lidauer" userId="b55e45dd-c6cc-461d-bef5-835fc172e678" providerId="ADAL" clId="{BCD0C6F6-2D95-4A66-B702-D3858BC1FC00}" dt="2019-09-26T10:18:11.487" v="80695"/>
          <ac:spMkLst>
            <pc:docMk/>
            <pc:sldMk cId="1279582212" sldId="257"/>
            <ac:spMk id="2626" creationId="{B8A58298-1983-482E-B06E-C47859DE6126}"/>
          </ac:spMkLst>
        </pc:spChg>
        <pc:spChg chg="add mod modVis">
          <ac:chgData name="Manuel Lidauer" userId="b55e45dd-c6cc-461d-bef5-835fc172e678" providerId="ADAL" clId="{BCD0C6F6-2D95-4A66-B702-D3858BC1FC00}" dt="2019-09-26T10:18:11.516" v="80734"/>
          <ac:spMkLst>
            <pc:docMk/>
            <pc:sldMk cId="1279582212" sldId="257"/>
            <ac:spMk id="2627" creationId="{5EB6056E-79A0-4941-86A3-691687DBAB9F}"/>
          </ac:spMkLst>
        </pc:spChg>
        <pc:spChg chg="add mod modVis">
          <ac:chgData name="Manuel Lidauer" userId="b55e45dd-c6cc-461d-bef5-835fc172e678" providerId="ADAL" clId="{BCD0C6F6-2D95-4A66-B702-D3858BC1FC00}" dt="2019-09-26T10:18:11.551" v="80780"/>
          <ac:spMkLst>
            <pc:docMk/>
            <pc:sldMk cId="1279582212" sldId="257"/>
            <ac:spMk id="2628" creationId="{8ADAB2E6-EC9F-42C7-8CA9-57AFD352D24D}"/>
          </ac:spMkLst>
        </pc:spChg>
        <pc:spChg chg="add mod modVis">
          <ac:chgData name="Manuel Lidauer" userId="b55e45dd-c6cc-461d-bef5-835fc172e678" providerId="ADAL" clId="{BCD0C6F6-2D95-4A66-B702-D3858BC1FC00}" dt="2019-09-26T10:18:11.587" v="80824"/>
          <ac:spMkLst>
            <pc:docMk/>
            <pc:sldMk cId="1279582212" sldId="257"/>
            <ac:spMk id="2629" creationId="{10F866D6-442C-4629-8825-C2DDA8376705}"/>
          </ac:spMkLst>
        </pc:spChg>
        <pc:spChg chg="add mod modVis">
          <ac:chgData name="Manuel Lidauer" userId="b55e45dd-c6cc-461d-bef5-835fc172e678" providerId="ADAL" clId="{BCD0C6F6-2D95-4A66-B702-D3858BC1FC00}" dt="2019-09-26T10:18:11.604" v="80859"/>
          <ac:spMkLst>
            <pc:docMk/>
            <pc:sldMk cId="1279582212" sldId="257"/>
            <ac:spMk id="2630" creationId="{A2EDE998-10CE-4001-BD13-DD0D632DB9B8}"/>
          </ac:spMkLst>
        </pc:spChg>
        <pc:spChg chg="add mod modVis">
          <ac:chgData name="Manuel Lidauer" userId="b55e45dd-c6cc-461d-bef5-835fc172e678" providerId="ADAL" clId="{BCD0C6F6-2D95-4A66-B702-D3858BC1FC00}" dt="2019-09-26T10:18:11.606" v="80863"/>
          <ac:spMkLst>
            <pc:docMk/>
            <pc:sldMk cId="1279582212" sldId="257"/>
            <ac:spMk id="2631" creationId="{99217A41-608A-4FC7-B695-686E5899ADC7}"/>
          </ac:spMkLst>
        </pc:spChg>
        <pc:spChg chg="add mod modVis">
          <ac:chgData name="Manuel Lidauer" userId="b55e45dd-c6cc-461d-bef5-835fc172e678" providerId="ADAL" clId="{BCD0C6F6-2D95-4A66-B702-D3858BC1FC00}" dt="2019-09-26T10:18:11.638" v="80902"/>
          <ac:spMkLst>
            <pc:docMk/>
            <pc:sldMk cId="1279582212" sldId="257"/>
            <ac:spMk id="2632" creationId="{A1F82D20-B724-46FA-81DB-1D8A0AC9D124}"/>
          </ac:spMkLst>
        </pc:spChg>
        <pc:spChg chg="add mod modVis">
          <ac:chgData name="Manuel Lidauer" userId="b55e45dd-c6cc-461d-bef5-835fc172e678" providerId="ADAL" clId="{BCD0C6F6-2D95-4A66-B702-D3858BC1FC00}" dt="2019-09-26T10:18:11.678" v="80941"/>
          <ac:spMkLst>
            <pc:docMk/>
            <pc:sldMk cId="1279582212" sldId="257"/>
            <ac:spMk id="2633" creationId="{D81E5D9C-E554-4C82-8EC8-B7C31FBE516D}"/>
          </ac:spMkLst>
        </pc:spChg>
        <pc:spChg chg="add mod modVis">
          <ac:chgData name="Manuel Lidauer" userId="b55e45dd-c6cc-461d-bef5-835fc172e678" providerId="ADAL" clId="{BCD0C6F6-2D95-4A66-B702-D3858BC1FC00}" dt="2019-09-26T10:18:11.707" v="80980"/>
          <ac:spMkLst>
            <pc:docMk/>
            <pc:sldMk cId="1279582212" sldId="257"/>
            <ac:spMk id="2634" creationId="{15A2E8EB-D57D-420E-8B6D-2D7C75C2A72F}"/>
          </ac:spMkLst>
        </pc:spChg>
        <pc:spChg chg="add mod modVis">
          <ac:chgData name="Manuel Lidauer" userId="b55e45dd-c6cc-461d-bef5-835fc172e678" providerId="ADAL" clId="{BCD0C6F6-2D95-4A66-B702-D3858BC1FC00}" dt="2019-09-26T10:18:11.737" v="81019"/>
          <ac:spMkLst>
            <pc:docMk/>
            <pc:sldMk cId="1279582212" sldId="257"/>
            <ac:spMk id="2635" creationId="{B92587FC-6168-48E4-A862-4C85E785BE84}"/>
          </ac:spMkLst>
        </pc:spChg>
        <pc:spChg chg="add mod modVis">
          <ac:chgData name="Manuel Lidauer" userId="b55e45dd-c6cc-461d-bef5-835fc172e678" providerId="ADAL" clId="{BCD0C6F6-2D95-4A66-B702-D3858BC1FC00}" dt="2019-09-26T10:18:11.772" v="81065"/>
          <ac:spMkLst>
            <pc:docMk/>
            <pc:sldMk cId="1279582212" sldId="257"/>
            <ac:spMk id="2636" creationId="{4D6815D7-001D-4106-B8BD-8503FD44BE17}"/>
          </ac:spMkLst>
        </pc:spChg>
        <pc:spChg chg="add mod modVis">
          <ac:chgData name="Manuel Lidauer" userId="b55e45dd-c6cc-461d-bef5-835fc172e678" providerId="ADAL" clId="{BCD0C6F6-2D95-4A66-B702-D3858BC1FC00}" dt="2019-09-26T10:18:11.805" v="81109"/>
          <ac:spMkLst>
            <pc:docMk/>
            <pc:sldMk cId="1279582212" sldId="257"/>
            <ac:spMk id="2637" creationId="{17859AF6-E94F-4167-9CF5-9D3C04612379}"/>
          </ac:spMkLst>
        </pc:spChg>
        <pc:spChg chg="add mod modVis">
          <ac:chgData name="Manuel Lidauer" userId="b55e45dd-c6cc-461d-bef5-835fc172e678" providerId="ADAL" clId="{BCD0C6F6-2D95-4A66-B702-D3858BC1FC00}" dt="2019-09-26T10:18:11.823" v="81144"/>
          <ac:spMkLst>
            <pc:docMk/>
            <pc:sldMk cId="1279582212" sldId="257"/>
            <ac:spMk id="2638" creationId="{47096F58-C994-474B-89CB-4CEA89CF77D0}"/>
          </ac:spMkLst>
        </pc:spChg>
        <pc:spChg chg="add mod modVis">
          <ac:chgData name="Manuel Lidauer" userId="b55e45dd-c6cc-461d-bef5-835fc172e678" providerId="ADAL" clId="{BCD0C6F6-2D95-4A66-B702-D3858BC1FC00}" dt="2019-09-26T10:18:11.825" v="81148"/>
          <ac:spMkLst>
            <pc:docMk/>
            <pc:sldMk cId="1279582212" sldId="257"/>
            <ac:spMk id="2639" creationId="{E7E9B8DF-7A87-4B7F-A243-28811CFA82F8}"/>
          </ac:spMkLst>
        </pc:spChg>
        <pc:spChg chg="add mod modVis">
          <ac:chgData name="Manuel Lidauer" userId="b55e45dd-c6cc-461d-bef5-835fc172e678" providerId="ADAL" clId="{BCD0C6F6-2D95-4A66-B702-D3858BC1FC00}" dt="2019-09-26T10:18:11.856" v="81187"/>
          <ac:spMkLst>
            <pc:docMk/>
            <pc:sldMk cId="1279582212" sldId="257"/>
            <ac:spMk id="2640" creationId="{F58CD477-102B-4F85-BED5-8446033D770A}"/>
          </ac:spMkLst>
        </pc:spChg>
        <pc:spChg chg="add mod modVis">
          <ac:chgData name="Manuel Lidauer" userId="b55e45dd-c6cc-461d-bef5-835fc172e678" providerId="ADAL" clId="{BCD0C6F6-2D95-4A66-B702-D3858BC1FC00}" dt="2019-09-26T10:18:11.886" v="81226"/>
          <ac:spMkLst>
            <pc:docMk/>
            <pc:sldMk cId="1279582212" sldId="257"/>
            <ac:spMk id="2641" creationId="{0B82369D-A0AB-409A-94A0-D45221A0813F}"/>
          </ac:spMkLst>
        </pc:spChg>
        <pc:spChg chg="add mod modVis">
          <ac:chgData name="Manuel Lidauer" userId="b55e45dd-c6cc-461d-bef5-835fc172e678" providerId="ADAL" clId="{BCD0C6F6-2D95-4A66-B702-D3858BC1FC00}" dt="2019-09-26T10:18:11.917" v="81265"/>
          <ac:spMkLst>
            <pc:docMk/>
            <pc:sldMk cId="1279582212" sldId="257"/>
            <ac:spMk id="2642" creationId="{7BF5358C-E09B-4F02-8BDC-872E2A529068}"/>
          </ac:spMkLst>
        </pc:spChg>
        <pc:spChg chg="add mod modVis">
          <ac:chgData name="Manuel Lidauer" userId="b55e45dd-c6cc-461d-bef5-835fc172e678" providerId="ADAL" clId="{BCD0C6F6-2D95-4A66-B702-D3858BC1FC00}" dt="2019-09-26T10:18:11.947" v="81304"/>
          <ac:spMkLst>
            <pc:docMk/>
            <pc:sldMk cId="1279582212" sldId="257"/>
            <ac:spMk id="2643" creationId="{B33BC513-B8A0-41DA-97C2-AD99EB2642CB}"/>
          </ac:spMkLst>
        </pc:spChg>
        <pc:spChg chg="add mod modVis">
          <ac:chgData name="Manuel Lidauer" userId="b55e45dd-c6cc-461d-bef5-835fc172e678" providerId="ADAL" clId="{BCD0C6F6-2D95-4A66-B702-D3858BC1FC00}" dt="2019-09-26T10:18:11.982" v="81350"/>
          <ac:spMkLst>
            <pc:docMk/>
            <pc:sldMk cId="1279582212" sldId="257"/>
            <ac:spMk id="2644" creationId="{A73FD674-B1CC-4755-9710-E61C613D4689}"/>
          </ac:spMkLst>
        </pc:spChg>
        <pc:spChg chg="add mod modVis">
          <ac:chgData name="Manuel Lidauer" userId="b55e45dd-c6cc-461d-bef5-835fc172e678" providerId="ADAL" clId="{BCD0C6F6-2D95-4A66-B702-D3858BC1FC00}" dt="2019-09-26T10:18:12.016" v="81394"/>
          <ac:spMkLst>
            <pc:docMk/>
            <pc:sldMk cId="1279582212" sldId="257"/>
            <ac:spMk id="2645" creationId="{42C28CE6-A997-4894-AACA-E43A01AF8AA7}"/>
          </ac:spMkLst>
        </pc:spChg>
        <pc:spChg chg="add mod modVis">
          <ac:chgData name="Manuel Lidauer" userId="b55e45dd-c6cc-461d-bef5-835fc172e678" providerId="ADAL" clId="{BCD0C6F6-2D95-4A66-B702-D3858BC1FC00}" dt="2019-09-26T10:18:12.033" v="81429"/>
          <ac:spMkLst>
            <pc:docMk/>
            <pc:sldMk cId="1279582212" sldId="257"/>
            <ac:spMk id="2646" creationId="{09875CB4-AAB9-4777-B52C-BD23476917C8}"/>
          </ac:spMkLst>
        </pc:spChg>
        <pc:spChg chg="add mod modVis">
          <ac:chgData name="Manuel Lidauer" userId="b55e45dd-c6cc-461d-bef5-835fc172e678" providerId="ADAL" clId="{BCD0C6F6-2D95-4A66-B702-D3858BC1FC00}" dt="2019-09-26T10:18:12.035" v="81433"/>
          <ac:spMkLst>
            <pc:docMk/>
            <pc:sldMk cId="1279582212" sldId="257"/>
            <ac:spMk id="2647" creationId="{56C53E41-F28E-4F87-9DF8-37C29598838F}"/>
          </ac:spMkLst>
        </pc:spChg>
        <pc:spChg chg="add mod modVis">
          <ac:chgData name="Manuel Lidauer" userId="b55e45dd-c6cc-461d-bef5-835fc172e678" providerId="ADAL" clId="{BCD0C6F6-2D95-4A66-B702-D3858BC1FC00}" dt="2019-09-26T10:18:12.066" v="81472"/>
          <ac:spMkLst>
            <pc:docMk/>
            <pc:sldMk cId="1279582212" sldId="257"/>
            <ac:spMk id="2648" creationId="{720A0AF6-1D82-479C-98E5-7FA2A701A86F}"/>
          </ac:spMkLst>
        </pc:spChg>
        <pc:spChg chg="add mod modVis">
          <ac:chgData name="Manuel Lidauer" userId="b55e45dd-c6cc-461d-bef5-835fc172e678" providerId="ADAL" clId="{BCD0C6F6-2D95-4A66-B702-D3858BC1FC00}" dt="2019-09-26T10:18:12.096" v="81511"/>
          <ac:spMkLst>
            <pc:docMk/>
            <pc:sldMk cId="1279582212" sldId="257"/>
            <ac:spMk id="2649" creationId="{24CA2312-01D0-43F8-BB7A-2CF86FEC0C98}"/>
          </ac:spMkLst>
        </pc:spChg>
        <pc:spChg chg="add mod modVis">
          <ac:chgData name="Manuel Lidauer" userId="b55e45dd-c6cc-461d-bef5-835fc172e678" providerId="ADAL" clId="{BCD0C6F6-2D95-4A66-B702-D3858BC1FC00}" dt="2019-09-26T10:18:12.127" v="81550"/>
          <ac:spMkLst>
            <pc:docMk/>
            <pc:sldMk cId="1279582212" sldId="257"/>
            <ac:spMk id="2650" creationId="{A24F287C-BAAC-4584-BE59-45753B2EF321}"/>
          </ac:spMkLst>
        </pc:spChg>
        <pc:spChg chg="add mod modVis">
          <ac:chgData name="Manuel Lidauer" userId="b55e45dd-c6cc-461d-bef5-835fc172e678" providerId="ADAL" clId="{BCD0C6F6-2D95-4A66-B702-D3858BC1FC00}" dt="2019-09-26T10:18:12.157" v="81589"/>
          <ac:spMkLst>
            <pc:docMk/>
            <pc:sldMk cId="1279582212" sldId="257"/>
            <ac:spMk id="2651" creationId="{46A0ED42-4AA7-40F2-9B75-298AB5FBBA5E}"/>
          </ac:spMkLst>
        </pc:spChg>
        <pc:spChg chg="add mod modVis">
          <ac:chgData name="Manuel Lidauer" userId="b55e45dd-c6cc-461d-bef5-835fc172e678" providerId="ADAL" clId="{BCD0C6F6-2D95-4A66-B702-D3858BC1FC00}" dt="2019-09-26T10:18:12.194" v="81635"/>
          <ac:spMkLst>
            <pc:docMk/>
            <pc:sldMk cId="1279582212" sldId="257"/>
            <ac:spMk id="2652" creationId="{493FFB84-64B0-4AFE-8AFE-2BA5A0F252DE}"/>
          </ac:spMkLst>
        </pc:spChg>
        <pc:spChg chg="add mod modVis">
          <ac:chgData name="Manuel Lidauer" userId="b55e45dd-c6cc-461d-bef5-835fc172e678" providerId="ADAL" clId="{BCD0C6F6-2D95-4A66-B702-D3858BC1FC00}" dt="2019-09-26T10:18:12.230" v="81679"/>
          <ac:spMkLst>
            <pc:docMk/>
            <pc:sldMk cId="1279582212" sldId="257"/>
            <ac:spMk id="2653" creationId="{AFA16C79-A2D8-46BF-9846-C331F3B3F235}"/>
          </ac:spMkLst>
        </pc:spChg>
        <pc:spChg chg="add mod modVis">
          <ac:chgData name="Manuel Lidauer" userId="b55e45dd-c6cc-461d-bef5-835fc172e678" providerId="ADAL" clId="{BCD0C6F6-2D95-4A66-B702-D3858BC1FC00}" dt="2019-09-26T10:18:12.249" v="81714"/>
          <ac:spMkLst>
            <pc:docMk/>
            <pc:sldMk cId="1279582212" sldId="257"/>
            <ac:spMk id="2654" creationId="{C156A385-6E87-432E-8CA2-6D30BB0BAE86}"/>
          </ac:spMkLst>
        </pc:spChg>
        <pc:spChg chg="add mod modVis">
          <ac:chgData name="Manuel Lidauer" userId="b55e45dd-c6cc-461d-bef5-835fc172e678" providerId="ADAL" clId="{BCD0C6F6-2D95-4A66-B702-D3858BC1FC00}" dt="2019-09-26T10:18:12.251" v="81718"/>
          <ac:spMkLst>
            <pc:docMk/>
            <pc:sldMk cId="1279582212" sldId="257"/>
            <ac:spMk id="2655" creationId="{0FFE6196-F658-4EFA-86B7-451DE9358CB8}"/>
          </ac:spMkLst>
        </pc:spChg>
        <pc:spChg chg="add mod modVis">
          <ac:chgData name="Manuel Lidauer" userId="b55e45dd-c6cc-461d-bef5-835fc172e678" providerId="ADAL" clId="{BCD0C6F6-2D95-4A66-B702-D3858BC1FC00}" dt="2019-09-26T10:18:12.283" v="81757"/>
          <ac:spMkLst>
            <pc:docMk/>
            <pc:sldMk cId="1279582212" sldId="257"/>
            <ac:spMk id="2656" creationId="{547BD28E-9ECB-4043-AEA3-EB91FAA9776F}"/>
          </ac:spMkLst>
        </pc:spChg>
        <pc:spChg chg="add mod modVis">
          <ac:chgData name="Manuel Lidauer" userId="b55e45dd-c6cc-461d-bef5-835fc172e678" providerId="ADAL" clId="{BCD0C6F6-2D95-4A66-B702-D3858BC1FC00}" dt="2019-09-26T10:18:12.315" v="81796"/>
          <ac:spMkLst>
            <pc:docMk/>
            <pc:sldMk cId="1279582212" sldId="257"/>
            <ac:spMk id="2657" creationId="{6CF9371A-68D6-4840-AA10-8E73873CC73F}"/>
          </ac:spMkLst>
        </pc:spChg>
        <pc:spChg chg="add mod modVis">
          <ac:chgData name="Manuel Lidauer" userId="b55e45dd-c6cc-461d-bef5-835fc172e678" providerId="ADAL" clId="{BCD0C6F6-2D95-4A66-B702-D3858BC1FC00}" dt="2019-09-26T10:18:12.345" v="81835"/>
          <ac:spMkLst>
            <pc:docMk/>
            <pc:sldMk cId="1279582212" sldId="257"/>
            <ac:spMk id="2658" creationId="{022965BB-7478-4222-8EF3-04E6736A098F}"/>
          </ac:spMkLst>
        </pc:spChg>
        <pc:spChg chg="add mod modVis">
          <ac:chgData name="Manuel Lidauer" userId="b55e45dd-c6cc-461d-bef5-835fc172e678" providerId="ADAL" clId="{BCD0C6F6-2D95-4A66-B702-D3858BC1FC00}" dt="2019-09-26T10:18:12.375" v="81874"/>
          <ac:spMkLst>
            <pc:docMk/>
            <pc:sldMk cId="1279582212" sldId="257"/>
            <ac:spMk id="2659" creationId="{A247D367-A1F5-402F-8018-392FF49DDA67}"/>
          </ac:spMkLst>
        </pc:spChg>
        <pc:spChg chg="add mod modVis">
          <ac:chgData name="Manuel Lidauer" userId="b55e45dd-c6cc-461d-bef5-835fc172e678" providerId="ADAL" clId="{BCD0C6F6-2D95-4A66-B702-D3858BC1FC00}" dt="2019-09-26T10:18:12.411" v="81920"/>
          <ac:spMkLst>
            <pc:docMk/>
            <pc:sldMk cId="1279582212" sldId="257"/>
            <ac:spMk id="2660" creationId="{0F6420E5-816B-4221-8430-B10AF47FD8C0}"/>
          </ac:spMkLst>
        </pc:spChg>
        <pc:spChg chg="add mod modVis">
          <ac:chgData name="Manuel Lidauer" userId="b55e45dd-c6cc-461d-bef5-835fc172e678" providerId="ADAL" clId="{BCD0C6F6-2D95-4A66-B702-D3858BC1FC00}" dt="2019-09-26T10:18:12.447" v="81965"/>
          <ac:spMkLst>
            <pc:docMk/>
            <pc:sldMk cId="1279582212" sldId="257"/>
            <ac:spMk id="2661" creationId="{FAB3FD4A-9AB3-4C3B-B554-E0CDC2E16630}"/>
          </ac:spMkLst>
        </pc:spChg>
        <pc:spChg chg="add mod modVis">
          <ac:chgData name="Manuel Lidauer" userId="b55e45dd-c6cc-461d-bef5-835fc172e678" providerId="ADAL" clId="{BCD0C6F6-2D95-4A66-B702-D3858BC1FC00}" dt="2019-09-26T10:18:12.465" v="82000"/>
          <ac:spMkLst>
            <pc:docMk/>
            <pc:sldMk cId="1279582212" sldId="257"/>
            <ac:spMk id="2662" creationId="{B9AAF5EB-721E-4D40-A4AE-51EBFC9F99C5}"/>
          </ac:spMkLst>
        </pc:spChg>
        <pc:spChg chg="add mod modVis">
          <ac:chgData name="Manuel Lidauer" userId="b55e45dd-c6cc-461d-bef5-835fc172e678" providerId="ADAL" clId="{BCD0C6F6-2D95-4A66-B702-D3858BC1FC00}" dt="2019-09-26T10:18:12.468" v="82004"/>
          <ac:spMkLst>
            <pc:docMk/>
            <pc:sldMk cId="1279582212" sldId="257"/>
            <ac:spMk id="2663" creationId="{85D6BDC3-BFB7-46FC-9279-B223E759B89E}"/>
          </ac:spMkLst>
        </pc:spChg>
        <pc:spChg chg="add mod modVis">
          <ac:chgData name="Manuel Lidauer" userId="b55e45dd-c6cc-461d-bef5-835fc172e678" providerId="ADAL" clId="{BCD0C6F6-2D95-4A66-B702-D3858BC1FC00}" dt="2019-09-26T10:18:12.499" v="82043"/>
          <ac:spMkLst>
            <pc:docMk/>
            <pc:sldMk cId="1279582212" sldId="257"/>
            <ac:spMk id="2664" creationId="{C90ED172-5882-46F3-934C-C47CDD30C3D4}"/>
          </ac:spMkLst>
        </pc:spChg>
        <pc:spChg chg="add mod modVis">
          <ac:chgData name="Manuel Lidauer" userId="b55e45dd-c6cc-461d-bef5-835fc172e678" providerId="ADAL" clId="{BCD0C6F6-2D95-4A66-B702-D3858BC1FC00}" dt="2019-09-26T10:18:12.530" v="82082"/>
          <ac:spMkLst>
            <pc:docMk/>
            <pc:sldMk cId="1279582212" sldId="257"/>
            <ac:spMk id="2665" creationId="{332E19E3-960E-442E-A2AE-78457C3AC371}"/>
          </ac:spMkLst>
        </pc:spChg>
        <pc:spChg chg="add mod modVis">
          <ac:chgData name="Manuel Lidauer" userId="b55e45dd-c6cc-461d-bef5-835fc172e678" providerId="ADAL" clId="{BCD0C6F6-2D95-4A66-B702-D3858BC1FC00}" dt="2019-09-26T10:18:12.561" v="82121"/>
          <ac:spMkLst>
            <pc:docMk/>
            <pc:sldMk cId="1279582212" sldId="257"/>
            <ac:spMk id="2666" creationId="{F7CCFD14-60F3-4131-B593-AA03022E4889}"/>
          </ac:spMkLst>
        </pc:spChg>
        <pc:spChg chg="add mod modVis">
          <ac:chgData name="Manuel Lidauer" userId="b55e45dd-c6cc-461d-bef5-835fc172e678" providerId="ADAL" clId="{BCD0C6F6-2D95-4A66-B702-D3858BC1FC00}" dt="2019-09-26T10:18:12.592" v="82160"/>
          <ac:spMkLst>
            <pc:docMk/>
            <pc:sldMk cId="1279582212" sldId="257"/>
            <ac:spMk id="2667" creationId="{186B0C1E-9D5B-4271-B36C-C1F64C6C6F4E}"/>
          </ac:spMkLst>
        </pc:spChg>
        <pc:spChg chg="add mod modVis">
          <ac:chgData name="Manuel Lidauer" userId="b55e45dd-c6cc-461d-bef5-835fc172e678" providerId="ADAL" clId="{BCD0C6F6-2D95-4A66-B702-D3858BC1FC00}" dt="2019-09-26T10:18:12.639" v="82206"/>
          <ac:spMkLst>
            <pc:docMk/>
            <pc:sldMk cId="1279582212" sldId="257"/>
            <ac:spMk id="2668" creationId="{72CF40E5-EBD3-4CF3-81DE-0F4151151087}"/>
          </ac:spMkLst>
        </pc:spChg>
        <pc:spChg chg="add mod modVis">
          <ac:chgData name="Manuel Lidauer" userId="b55e45dd-c6cc-461d-bef5-835fc172e678" providerId="ADAL" clId="{BCD0C6F6-2D95-4A66-B702-D3858BC1FC00}" dt="2019-09-26T10:18:12.710" v="82252"/>
          <ac:spMkLst>
            <pc:docMk/>
            <pc:sldMk cId="1279582212" sldId="257"/>
            <ac:spMk id="2669" creationId="{AE4B8F2D-AFAB-4846-917D-EFD519DF165F}"/>
          </ac:spMkLst>
        </pc:spChg>
        <pc:spChg chg="add mod modVis">
          <ac:chgData name="Manuel Lidauer" userId="b55e45dd-c6cc-461d-bef5-835fc172e678" providerId="ADAL" clId="{BCD0C6F6-2D95-4A66-B702-D3858BC1FC00}" dt="2019-09-26T10:18:12.742" v="82287"/>
          <ac:spMkLst>
            <pc:docMk/>
            <pc:sldMk cId="1279582212" sldId="257"/>
            <ac:spMk id="2670" creationId="{A2A6AAEA-1843-4CAD-BFC5-77F1180F1943}"/>
          </ac:spMkLst>
        </pc:spChg>
        <pc:spChg chg="add mod modVis">
          <ac:chgData name="Manuel Lidauer" userId="b55e45dd-c6cc-461d-bef5-835fc172e678" providerId="ADAL" clId="{BCD0C6F6-2D95-4A66-B702-D3858BC1FC00}" dt="2019-09-26T10:18:12.747" v="82291"/>
          <ac:spMkLst>
            <pc:docMk/>
            <pc:sldMk cId="1279582212" sldId="257"/>
            <ac:spMk id="2671" creationId="{70E8E4BE-80EC-4490-B3F4-0C8CDF6C4717}"/>
          </ac:spMkLst>
        </pc:spChg>
        <pc:spChg chg="add mod modVis">
          <ac:chgData name="Manuel Lidauer" userId="b55e45dd-c6cc-461d-bef5-835fc172e678" providerId="ADAL" clId="{BCD0C6F6-2D95-4A66-B702-D3858BC1FC00}" dt="2019-09-26T10:18:12.795" v="82330"/>
          <ac:spMkLst>
            <pc:docMk/>
            <pc:sldMk cId="1279582212" sldId="257"/>
            <ac:spMk id="2672" creationId="{1CE14C9C-0F30-4E18-8F18-4F06FEB0A00B}"/>
          </ac:spMkLst>
        </pc:spChg>
        <pc:spChg chg="add mod modVis">
          <ac:chgData name="Manuel Lidauer" userId="b55e45dd-c6cc-461d-bef5-835fc172e678" providerId="ADAL" clId="{BCD0C6F6-2D95-4A66-B702-D3858BC1FC00}" dt="2019-09-26T10:18:12.826" v="82369"/>
          <ac:spMkLst>
            <pc:docMk/>
            <pc:sldMk cId="1279582212" sldId="257"/>
            <ac:spMk id="2673" creationId="{ABE5C5FE-B6EB-400E-AB15-5B80040273FF}"/>
          </ac:spMkLst>
        </pc:spChg>
        <pc:spChg chg="add mod modVis">
          <ac:chgData name="Manuel Lidauer" userId="b55e45dd-c6cc-461d-bef5-835fc172e678" providerId="ADAL" clId="{BCD0C6F6-2D95-4A66-B702-D3858BC1FC00}" dt="2019-09-26T10:18:12.857" v="82408"/>
          <ac:spMkLst>
            <pc:docMk/>
            <pc:sldMk cId="1279582212" sldId="257"/>
            <ac:spMk id="2674" creationId="{A73DC846-79BF-4F98-96F1-2D3C945BD0DC}"/>
          </ac:spMkLst>
        </pc:spChg>
        <pc:spChg chg="add mod modVis">
          <ac:chgData name="Manuel Lidauer" userId="b55e45dd-c6cc-461d-bef5-835fc172e678" providerId="ADAL" clId="{BCD0C6F6-2D95-4A66-B702-D3858BC1FC00}" dt="2019-09-26T10:18:12.888" v="82447"/>
          <ac:spMkLst>
            <pc:docMk/>
            <pc:sldMk cId="1279582212" sldId="257"/>
            <ac:spMk id="2675" creationId="{C1F10C08-DCBE-47EB-90F2-DFAE8125EBE2}"/>
          </ac:spMkLst>
        </pc:spChg>
        <pc:spChg chg="add mod modVis">
          <ac:chgData name="Manuel Lidauer" userId="b55e45dd-c6cc-461d-bef5-835fc172e678" providerId="ADAL" clId="{BCD0C6F6-2D95-4A66-B702-D3858BC1FC00}" dt="2019-09-26T10:18:12.925" v="82493"/>
          <ac:spMkLst>
            <pc:docMk/>
            <pc:sldMk cId="1279582212" sldId="257"/>
            <ac:spMk id="2676" creationId="{578687C8-966F-4688-AA00-E0C9427F5E2D}"/>
          </ac:spMkLst>
        </pc:spChg>
        <pc:spChg chg="add mod modVis">
          <ac:chgData name="Manuel Lidauer" userId="b55e45dd-c6cc-461d-bef5-835fc172e678" providerId="ADAL" clId="{BCD0C6F6-2D95-4A66-B702-D3858BC1FC00}" dt="2019-09-26T10:18:12.965" v="82537"/>
          <ac:spMkLst>
            <pc:docMk/>
            <pc:sldMk cId="1279582212" sldId="257"/>
            <ac:spMk id="2677" creationId="{6768E583-51B0-474F-89D0-65DD9B7B0D93}"/>
          </ac:spMkLst>
        </pc:spChg>
        <pc:spChg chg="add mod modVis">
          <ac:chgData name="Manuel Lidauer" userId="b55e45dd-c6cc-461d-bef5-835fc172e678" providerId="ADAL" clId="{BCD0C6F6-2D95-4A66-B702-D3858BC1FC00}" dt="2019-09-26T10:18:12.998" v="82572"/>
          <ac:spMkLst>
            <pc:docMk/>
            <pc:sldMk cId="1279582212" sldId="257"/>
            <ac:spMk id="2678" creationId="{358D5B8A-4569-4726-85B0-47FB74FB408D}"/>
          </ac:spMkLst>
        </pc:spChg>
        <pc:spChg chg="add mod modVis">
          <ac:chgData name="Manuel Lidauer" userId="b55e45dd-c6cc-461d-bef5-835fc172e678" providerId="ADAL" clId="{BCD0C6F6-2D95-4A66-B702-D3858BC1FC00}" dt="2019-09-26T10:18:13.001" v="82576"/>
          <ac:spMkLst>
            <pc:docMk/>
            <pc:sldMk cId="1279582212" sldId="257"/>
            <ac:spMk id="2679" creationId="{424398A7-A9F1-43C5-AB29-2534FD6A0C5B}"/>
          </ac:spMkLst>
        </pc:spChg>
        <pc:spChg chg="add mod modVis">
          <ac:chgData name="Manuel Lidauer" userId="b55e45dd-c6cc-461d-bef5-835fc172e678" providerId="ADAL" clId="{BCD0C6F6-2D95-4A66-B702-D3858BC1FC00}" dt="2019-09-26T10:18:13.055" v="82615"/>
          <ac:spMkLst>
            <pc:docMk/>
            <pc:sldMk cId="1279582212" sldId="257"/>
            <ac:spMk id="2680" creationId="{64B380F9-F32B-41B9-8144-ABF9186E8243}"/>
          </ac:spMkLst>
        </pc:spChg>
        <pc:spChg chg="add mod modVis">
          <ac:chgData name="Manuel Lidauer" userId="b55e45dd-c6cc-461d-bef5-835fc172e678" providerId="ADAL" clId="{BCD0C6F6-2D95-4A66-B702-D3858BC1FC00}" dt="2019-09-26T10:18:13.111" v="82654"/>
          <ac:spMkLst>
            <pc:docMk/>
            <pc:sldMk cId="1279582212" sldId="257"/>
            <ac:spMk id="2681" creationId="{F4DA1CCC-EF3F-473D-B5CE-FCB1C39144E4}"/>
          </ac:spMkLst>
        </pc:spChg>
        <pc:spChg chg="add mod modVis">
          <ac:chgData name="Manuel Lidauer" userId="b55e45dd-c6cc-461d-bef5-835fc172e678" providerId="ADAL" clId="{BCD0C6F6-2D95-4A66-B702-D3858BC1FC00}" dt="2019-09-26T10:18:13.143" v="82693"/>
          <ac:spMkLst>
            <pc:docMk/>
            <pc:sldMk cId="1279582212" sldId="257"/>
            <ac:spMk id="2682" creationId="{6BE8A75C-4C95-49B3-924D-614B6791C64D}"/>
          </ac:spMkLst>
        </pc:spChg>
        <pc:spChg chg="add mod modVis">
          <ac:chgData name="Manuel Lidauer" userId="b55e45dd-c6cc-461d-bef5-835fc172e678" providerId="ADAL" clId="{BCD0C6F6-2D95-4A66-B702-D3858BC1FC00}" dt="2019-09-26T10:18:13.174" v="82732"/>
          <ac:spMkLst>
            <pc:docMk/>
            <pc:sldMk cId="1279582212" sldId="257"/>
            <ac:spMk id="2683" creationId="{FF555B41-2ED5-4015-BCF0-2CBA667F019F}"/>
          </ac:spMkLst>
        </pc:spChg>
        <pc:spChg chg="add mod modVis">
          <ac:chgData name="Manuel Lidauer" userId="b55e45dd-c6cc-461d-bef5-835fc172e678" providerId="ADAL" clId="{BCD0C6F6-2D95-4A66-B702-D3858BC1FC00}" dt="2019-09-26T10:18:13.211" v="82778"/>
          <ac:spMkLst>
            <pc:docMk/>
            <pc:sldMk cId="1279582212" sldId="257"/>
            <ac:spMk id="2684" creationId="{B246FAEE-47C7-43C8-AAED-59B14A18AC0C}"/>
          </ac:spMkLst>
        </pc:spChg>
        <pc:spChg chg="add mod modVis">
          <ac:chgData name="Manuel Lidauer" userId="b55e45dd-c6cc-461d-bef5-835fc172e678" providerId="ADAL" clId="{BCD0C6F6-2D95-4A66-B702-D3858BC1FC00}" dt="2019-09-26T10:18:13.252" v="82823"/>
          <ac:spMkLst>
            <pc:docMk/>
            <pc:sldMk cId="1279582212" sldId="257"/>
            <ac:spMk id="2685" creationId="{F28586C8-FFFF-4397-89A6-035481FF18DD}"/>
          </ac:spMkLst>
        </pc:spChg>
        <pc:spChg chg="add mod modVis">
          <ac:chgData name="Manuel Lidauer" userId="b55e45dd-c6cc-461d-bef5-835fc172e678" providerId="ADAL" clId="{BCD0C6F6-2D95-4A66-B702-D3858BC1FC00}" dt="2019-09-26T10:18:13.270" v="82858"/>
          <ac:spMkLst>
            <pc:docMk/>
            <pc:sldMk cId="1279582212" sldId="257"/>
            <ac:spMk id="2686" creationId="{3C4F3F87-E09F-4FEB-98BB-481EBC2D6E5A}"/>
          </ac:spMkLst>
        </pc:spChg>
        <pc:spChg chg="add mod modVis">
          <ac:chgData name="Manuel Lidauer" userId="b55e45dd-c6cc-461d-bef5-835fc172e678" providerId="ADAL" clId="{BCD0C6F6-2D95-4A66-B702-D3858BC1FC00}" dt="2019-09-26T10:18:13.273" v="82862"/>
          <ac:spMkLst>
            <pc:docMk/>
            <pc:sldMk cId="1279582212" sldId="257"/>
            <ac:spMk id="2687" creationId="{43E29657-A24F-4E44-8222-AF3B2F8CC2EB}"/>
          </ac:spMkLst>
        </pc:spChg>
        <pc:spChg chg="add mod modVis">
          <ac:chgData name="Manuel Lidauer" userId="b55e45dd-c6cc-461d-bef5-835fc172e678" providerId="ADAL" clId="{BCD0C6F6-2D95-4A66-B702-D3858BC1FC00}" dt="2019-09-26T10:18:13.306" v="82901"/>
          <ac:spMkLst>
            <pc:docMk/>
            <pc:sldMk cId="1279582212" sldId="257"/>
            <ac:spMk id="2688" creationId="{B46B5A72-AB33-4773-8673-FF0A063835B7}"/>
          </ac:spMkLst>
        </pc:spChg>
        <pc:spChg chg="add mod modVis">
          <ac:chgData name="Manuel Lidauer" userId="b55e45dd-c6cc-461d-bef5-835fc172e678" providerId="ADAL" clId="{BCD0C6F6-2D95-4A66-B702-D3858BC1FC00}" dt="2019-09-26T10:18:13.337" v="82940"/>
          <ac:spMkLst>
            <pc:docMk/>
            <pc:sldMk cId="1279582212" sldId="257"/>
            <ac:spMk id="2689" creationId="{1F5B092B-0FA9-4153-A8F6-129769101B9C}"/>
          </ac:spMkLst>
        </pc:spChg>
        <pc:spChg chg="add mod modVis">
          <ac:chgData name="Manuel Lidauer" userId="b55e45dd-c6cc-461d-bef5-835fc172e678" providerId="ADAL" clId="{BCD0C6F6-2D95-4A66-B702-D3858BC1FC00}" dt="2019-09-26T10:18:13.374" v="82979"/>
          <ac:spMkLst>
            <pc:docMk/>
            <pc:sldMk cId="1279582212" sldId="257"/>
            <ac:spMk id="2690" creationId="{0BC80853-65BF-4C31-921C-39301AD4021A}"/>
          </ac:spMkLst>
        </pc:spChg>
        <pc:spChg chg="add mod modVis">
          <ac:chgData name="Manuel Lidauer" userId="b55e45dd-c6cc-461d-bef5-835fc172e678" providerId="ADAL" clId="{BCD0C6F6-2D95-4A66-B702-D3858BC1FC00}" dt="2019-09-26T10:18:13.427" v="83018"/>
          <ac:spMkLst>
            <pc:docMk/>
            <pc:sldMk cId="1279582212" sldId="257"/>
            <ac:spMk id="2691" creationId="{CEA3C909-5DFD-49FA-9C19-6AE7879C6A94}"/>
          </ac:spMkLst>
        </pc:spChg>
        <pc:spChg chg="add mod modVis">
          <ac:chgData name="Manuel Lidauer" userId="b55e45dd-c6cc-461d-bef5-835fc172e678" providerId="ADAL" clId="{BCD0C6F6-2D95-4A66-B702-D3858BC1FC00}" dt="2019-09-26T10:18:13.492" v="83064"/>
          <ac:spMkLst>
            <pc:docMk/>
            <pc:sldMk cId="1279582212" sldId="257"/>
            <ac:spMk id="2692" creationId="{7BC7E2E4-DB3E-4742-B463-DB610CEA33F5}"/>
          </ac:spMkLst>
        </pc:spChg>
        <pc:spChg chg="add mod modVis">
          <ac:chgData name="Manuel Lidauer" userId="b55e45dd-c6cc-461d-bef5-835fc172e678" providerId="ADAL" clId="{BCD0C6F6-2D95-4A66-B702-D3858BC1FC00}" dt="2019-09-26T10:18:13.541" v="83109"/>
          <ac:spMkLst>
            <pc:docMk/>
            <pc:sldMk cId="1279582212" sldId="257"/>
            <ac:spMk id="2693" creationId="{3EDABB23-E5AB-425D-B738-91B440144E18}"/>
          </ac:spMkLst>
        </pc:spChg>
        <pc:spChg chg="add mod modVis">
          <ac:chgData name="Manuel Lidauer" userId="b55e45dd-c6cc-461d-bef5-835fc172e678" providerId="ADAL" clId="{BCD0C6F6-2D95-4A66-B702-D3858BC1FC00}" dt="2019-09-26T10:18:13.560" v="83144"/>
          <ac:spMkLst>
            <pc:docMk/>
            <pc:sldMk cId="1279582212" sldId="257"/>
            <ac:spMk id="2694" creationId="{D0C652DB-4C8F-41EE-B4E3-CD0899F29CF7}"/>
          </ac:spMkLst>
        </pc:spChg>
        <pc:spChg chg="add mod modVis">
          <ac:chgData name="Manuel Lidauer" userId="b55e45dd-c6cc-461d-bef5-835fc172e678" providerId="ADAL" clId="{BCD0C6F6-2D95-4A66-B702-D3858BC1FC00}" dt="2019-09-26T10:18:13.562" v="83148"/>
          <ac:spMkLst>
            <pc:docMk/>
            <pc:sldMk cId="1279582212" sldId="257"/>
            <ac:spMk id="2695" creationId="{32472C57-7F0E-436D-8331-163F80148621}"/>
          </ac:spMkLst>
        </pc:spChg>
        <pc:spChg chg="add mod modVis">
          <ac:chgData name="Manuel Lidauer" userId="b55e45dd-c6cc-461d-bef5-835fc172e678" providerId="ADAL" clId="{BCD0C6F6-2D95-4A66-B702-D3858BC1FC00}" dt="2019-09-26T10:18:13.595" v="83187"/>
          <ac:spMkLst>
            <pc:docMk/>
            <pc:sldMk cId="1279582212" sldId="257"/>
            <ac:spMk id="2696" creationId="{14C7064C-9131-4BB0-A438-C7A77AFCBF2A}"/>
          </ac:spMkLst>
        </pc:spChg>
        <pc:spChg chg="add mod modVis">
          <ac:chgData name="Manuel Lidauer" userId="b55e45dd-c6cc-461d-bef5-835fc172e678" providerId="ADAL" clId="{BCD0C6F6-2D95-4A66-B702-D3858BC1FC00}" dt="2019-09-26T10:18:13.627" v="83226"/>
          <ac:spMkLst>
            <pc:docMk/>
            <pc:sldMk cId="1279582212" sldId="257"/>
            <ac:spMk id="2697" creationId="{51ED85B7-803C-4F7A-AA2C-219C0539BA81}"/>
          </ac:spMkLst>
        </pc:spChg>
        <pc:spChg chg="add mod modVis">
          <ac:chgData name="Manuel Lidauer" userId="b55e45dd-c6cc-461d-bef5-835fc172e678" providerId="ADAL" clId="{BCD0C6F6-2D95-4A66-B702-D3858BC1FC00}" dt="2019-09-26T10:18:13.659" v="83265"/>
          <ac:spMkLst>
            <pc:docMk/>
            <pc:sldMk cId="1279582212" sldId="257"/>
            <ac:spMk id="2698" creationId="{EEF105EC-A06C-4366-A69D-66A2512CA5DF}"/>
          </ac:spMkLst>
        </pc:spChg>
        <pc:spChg chg="add mod modVis">
          <ac:chgData name="Manuel Lidauer" userId="b55e45dd-c6cc-461d-bef5-835fc172e678" providerId="ADAL" clId="{BCD0C6F6-2D95-4A66-B702-D3858BC1FC00}" dt="2019-09-26T10:18:13.691" v="83304"/>
          <ac:spMkLst>
            <pc:docMk/>
            <pc:sldMk cId="1279582212" sldId="257"/>
            <ac:spMk id="2699" creationId="{8A2ED6D6-B145-417F-AF4B-7CC12805453A}"/>
          </ac:spMkLst>
        </pc:spChg>
        <pc:spChg chg="add mod modVis">
          <ac:chgData name="Manuel Lidauer" userId="b55e45dd-c6cc-461d-bef5-835fc172e678" providerId="ADAL" clId="{BCD0C6F6-2D95-4A66-B702-D3858BC1FC00}" dt="2019-09-26T10:18:13.740" v="83350"/>
          <ac:spMkLst>
            <pc:docMk/>
            <pc:sldMk cId="1279582212" sldId="257"/>
            <ac:spMk id="2700" creationId="{30F03983-EA84-4D8C-A2EE-DC3396799038}"/>
          </ac:spMkLst>
        </pc:spChg>
        <pc:spChg chg="add mod modVis">
          <ac:chgData name="Manuel Lidauer" userId="b55e45dd-c6cc-461d-bef5-835fc172e678" providerId="ADAL" clId="{BCD0C6F6-2D95-4A66-B702-D3858BC1FC00}" dt="2019-09-26T10:18:13.781" v="83396"/>
          <ac:spMkLst>
            <pc:docMk/>
            <pc:sldMk cId="1279582212" sldId="257"/>
            <ac:spMk id="2701" creationId="{B163480B-2F04-48A6-B7FE-A8CBAD52CB66}"/>
          </ac:spMkLst>
        </pc:spChg>
        <pc:spChg chg="add mod modVis">
          <ac:chgData name="Manuel Lidauer" userId="b55e45dd-c6cc-461d-bef5-835fc172e678" providerId="ADAL" clId="{BCD0C6F6-2D95-4A66-B702-D3858BC1FC00}" dt="2019-09-26T10:18:13.800" v="83431"/>
          <ac:spMkLst>
            <pc:docMk/>
            <pc:sldMk cId="1279582212" sldId="257"/>
            <ac:spMk id="2702" creationId="{6DF30B3C-115D-475F-B84A-E8A36617E0F0}"/>
          </ac:spMkLst>
        </pc:spChg>
        <pc:spChg chg="add mod modVis">
          <ac:chgData name="Manuel Lidauer" userId="b55e45dd-c6cc-461d-bef5-835fc172e678" providerId="ADAL" clId="{BCD0C6F6-2D95-4A66-B702-D3858BC1FC00}" dt="2019-09-26T10:18:13.803" v="83435"/>
          <ac:spMkLst>
            <pc:docMk/>
            <pc:sldMk cId="1279582212" sldId="257"/>
            <ac:spMk id="2703" creationId="{BE7BD389-B634-4C18-8B42-D0186C9791BD}"/>
          </ac:spMkLst>
        </pc:spChg>
        <pc:spChg chg="add mod modVis">
          <ac:chgData name="Manuel Lidauer" userId="b55e45dd-c6cc-461d-bef5-835fc172e678" providerId="ADAL" clId="{BCD0C6F6-2D95-4A66-B702-D3858BC1FC00}" dt="2019-09-26T10:18:13.835" v="83474"/>
          <ac:spMkLst>
            <pc:docMk/>
            <pc:sldMk cId="1279582212" sldId="257"/>
            <ac:spMk id="2704" creationId="{4DB375F3-887C-48EB-8D21-937D837899FF}"/>
          </ac:spMkLst>
        </pc:spChg>
        <pc:spChg chg="add mod modVis">
          <ac:chgData name="Manuel Lidauer" userId="b55e45dd-c6cc-461d-bef5-835fc172e678" providerId="ADAL" clId="{BCD0C6F6-2D95-4A66-B702-D3858BC1FC00}" dt="2019-09-26T10:18:13.882" v="83513"/>
          <ac:spMkLst>
            <pc:docMk/>
            <pc:sldMk cId="1279582212" sldId="257"/>
            <ac:spMk id="2705" creationId="{3BC87A83-A9F6-46BF-9880-8DAA337606AA}"/>
          </ac:spMkLst>
        </pc:spChg>
        <pc:spChg chg="add mod modVis">
          <ac:chgData name="Manuel Lidauer" userId="b55e45dd-c6cc-461d-bef5-835fc172e678" providerId="ADAL" clId="{BCD0C6F6-2D95-4A66-B702-D3858BC1FC00}" dt="2019-09-26T10:18:13.936" v="83552"/>
          <ac:spMkLst>
            <pc:docMk/>
            <pc:sldMk cId="1279582212" sldId="257"/>
            <ac:spMk id="2706" creationId="{C6C40FE4-7493-4F78-84C7-6BCF24ED55CC}"/>
          </ac:spMkLst>
        </pc:spChg>
        <pc:spChg chg="add mod modVis">
          <ac:chgData name="Manuel Lidauer" userId="b55e45dd-c6cc-461d-bef5-835fc172e678" providerId="ADAL" clId="{BCD0C6F6-2D95-4A66-B702-D3858BC1FC00}" dt="2019-09-26T10:18:13.993" v="83591"/>
          <ac:spMkLst>
            <pc:docMk/>
            <pc:sldMk cId="1279582212" sldId="257"/>
            <ac:spMk id="2707" creationId="{55D67F02-6528-49CD-929E-DFCFC2673D7C}"/>
          </ac:spMkLst>
        </pc:spChg>
        <pc:spChg chg="add mod modVis">
          <ac:chgData name="Manuel Lidauer" userId="b55e45dd-c6cc-461d-bef5-835fc172e678" providerId="ADAL" clId="{BCD0C6F6-2D95-4A66-B702-D3858BC1FC00}" dt="2019-09-26T10:18:14.041" v="83637"/>
          <ac:spMkLst>
            <pc:docMk/>
            <pc:sldMk cId="1279582212" sldId="257"/>
            <ac:spMk id="2708" creationId="{020C2DAE-3B67-4D27-A9DF-13345748215D}"/>
          </ac:spMkLst>
        </pc:spChg>
        <pc:spChg chg="add mod modVis">
          <ac:chgData name="Manuel Lidauer" userId="b55e45dd-c6cc-461d-bef5-835fc172e678" providerId="ADAL" clId="{BCD0C6F6-2D95-4A66-B702-D3858BC1FC00}" dt="2019-09-26T10:18:14.082" v="83684"/>
          <ac:spMkLst>
            <pc:docMk/>
            <pc:sldMk cId="1279582212" sldId="257"/>
            <ac:spMk id="2709" creationId="{7165CA7C-DCE7-47C8-B036-DDAE0B3D931B}"/>
          </ac:spMkLst>
        </pc:spChg>
        <pc:spChg chg="add mod modVis">
          <ac:chgData name="Manuel Lidauer" userId="b55e45dd-c6cc-461d-bef5-835fc172e678" providerId="ADAL" clId="{BCD0C6F6-2D95-4A66-B702-D3858BC1FC00}" dt="2019-09-26T10:18:14.102" v="83719"/>
          <ac:spMkLst>
            <pc:docMk/>
            <pc:sldMk cId="1279582212" sldId="257"/>
            <ac:spMk id="2710" creationId="{16C49D97-0CCE-40C4-9953-C8B2976251B0}"/>
          </ac:spMkLst>
        </pc:spChg>
        <pc:spChg chg="add mod modVis">
          <ac:chgData name="Manuel Lidauer" userId="b55e45dd-c6cc-461d-bef5-835fc172e678" providerId="ADAL" clId="{BCD0C6F6-2D95-4A66-B702-D3858BC1FC00}" dt="2019-09-26T10:18:14.105" v="83723"/>
          <ac:spMkLst>
            <pc:docMk/>
            <pc:sldMk cId="1279582212" sldId="257"/>
            <ac:spMk id="2711" creationId="{8A0A4CED-9122-49C5-9EEB-DDAC91A8EC44}"/>
          </ac:spMkLst>
        </pc:spChg>
        <pc:spChg chg="add mod modVis">
          <ac:chgData name="Manuel Lidauer" userId="b55e45dd-c6cc-461d-bef5-835fc172e678" providerId="ADAL" clId="{BCD0C6F6-2D95-4A66-B702-D3858BC1FC00}" dt="2019-09-26T10:18:14.137" v="83762"/>
          <ac:spMkLst>
            <pc:docMk/>
            <pc:sldMk cId="1279582212" sldId="257"/>
            <ac:spMk id="2712" creationId="{C1FA40B0-E515-4815-BB87-2A15675FCC8B}"/>
          </ac:spMkLst>
        </pc:spChg>
        <pc:spChg chg="add mod modVis">
          <ac:chgData name="Manuel Lidauer" userId="b55e45dd-c6cc-461d-bef5-835fc172e678" providerId="ADAL" clId="{BCD0C6F6-2D95-4A66-B702-D3858BC1FC00}" dt="2019-09-26T10:18:14.169" v="83801"/>
          <ac:spMkLst>
            <pc:docMk/>
            <pc:sldMk cId="1279582212" sldId="257"/>
            <ac:spMk id="2713" creationId="{E948281E-5BEA-4E95-AE52-AB2282D3FA92}"/>
          </ac:spMkLst>
        </pc:spChg>
        <pc:spChg chg="add mod modVis">
          <ac:chgData name="Manuel Lidauer" userId="b55e45dd-c6cc-461d-bef5-835fc172e678" providerId="ADAL" clId="{BCD0C6F6-2D95-4A66-B702-D3858BC1FC00}" dt="2019-09-26T10:18:14.200" v="83840"/>
          <ac:spMkLst>
            <pc:docMk/>
            <pc:sldMk cId="1279582212" sldId="257"/>
            <ac:spMk id="2714" creationId="{65A1E420-01DC-4887-B323-670E6A531626}"/>
          </ac:spMkLst>
        </pc:spChg>
        <pc:spChg chg="add mod modVis">
          <ac:chgData name="Manuel Lidauer" userId="b55e45dd-c6cc-461d-bef5-835fc172e678" providerId="ADAL" clId="{BCD0C6F6-2D95-4A66-B702-D3858BC1FC00}" dt="2019-09-26T10:18:14.232" v="83879"/>
          <ac:spMkLst>
            <pc:docMk/>
            <pc:sldMk cId="1279582212" sldId="257"/>
            <ac:spMk id="2715" creationId="{195B37D2-80F6-40DD-8B08-F184CF080CE4}"/>
          </ac:spMkLst>
        </pc:spChg>
        <pc:spChg chg="add mod modVis">
          <ac:chgData name="Manuel Lidauer" userId="b55e45dd-c6cc-461d-bef5-835fc172e678" providerId="ADAL" clId="{BCD0C6F6-2D95-4A66-B702-D3858BC1FC00}" dt="2019-09-26T10:18:14.272" v="83925"/>
          <ac:spMkLst>
            <pc:docMk/>
            <pc:sldMk cId="1279582212" sldId="257"/>
            <ac:spMk id="2716" creationId="{4C371FBE-6AED-481D-A701-D72E76B1ADBB}"/>
          </ac:spMkLst>
        </pc:spChg>
        <pc:spChg chg="add mod modVis">
          <ac:chgData name="Manuel Lidauer" userId="b55e45dd-c6cc-461d-bef5-835fc172e678" providerId="ADAL" clId="{BCD0C6F6-2D95-4A66-B702-D3858BC1FC00}" dt="2019-09-26T10:18:14.314" v="83971"/>
          <ac:spMkLst>
            <pc:docMk/>
            <pc:sldMk cId="1279582212" sldId="257"/>
            <ac:spMk id="2717" creationId="{6E7B42C8-A2DC-41EC-8A5F-3336EC6326B4}"/>
          </ac:spMkLst>
        </pc:spChg>
        <pc:spChg chg="add mod modVis">
          <ac:chgData name="Manuel Lidauer" userId="b55e45dd-c6cc-461d-bef5-835fc172e678" providerId="ADAL" clId="{BCD0C6F6-2D95-4A66-B702-D3858BC1FC00}" dt="2019-09-26T10:18:14.334" v="84006"/>
          <ac:spMkLst>
            <pc:docMk/>
            <pc:sldMk cId="1279582212" sldId="257"/>
            <ac:spMk id="2718" creationId="{ACD77895-C348-4C66-8B96-AEC3CB977561}"/>
          </ac:spMkLst>
        </pc:spChg>
        <pc:spChg chg="add mod modVis">
          <ac:chgData name="Manuel Lidauer" userId="b55e45dd-c6cc-461d-bef5-835fc172e678" providerId="ADAL" clId="{BCD0C6F6-2D95-4A66-B702-D3858BC1FC00}" dt="2019-09-26T10:18:14.337" v="84010"/>
          <ac:spMkLst>
            <pc:docMk/>
            <pc:sldMk cId="1279582212" sldId="257"/>
            <ac:spMk id="2719" creationId="{6C82D704-79E5-4798-93F9-5237CD4B8307}"/>
          </ac:spMkLst>
        </pc:spChg>
        <pc:spChg chg="add mod modVis">
          <ac:chgData name="Manuel Lidauer" userId="b55e45dd-c6cc-461d-bef5-835fc172e678" providerId="ADAL" clId="{BCD0C6F6-2D95-4A66-B702-D3858BC1FC00}" dt="2019-09-26T10:18:14.370" v="84049"/>
          <ac:spMkLst>
            <pc:docMk/>
            <pc:sldMk cId="1279582212" sldId="257"/>
            <ac:spMk id="2720" creationId="{2A4ABABE-D056-49E5-99E2-44C68B933EDC}"/>
          </ac:spMkLst>
        </pc:spChg>
        <pc:spChg chg="add mod modVis">
          <ac:chgData name="Manuel Lidauer" userId="b55e45dd-c6cc-461d-bef5-835fc172e678" providerId="ADAL" clId="{BCD0C6F6-2D95-4A66-B702-D3858BC1FC00}" dt="2019-09-26T10:18:14.403" v="84088"/>
          <ac:spMkLst>
            <pc:docMk/>
            <pc:sldMk cId="1279582212" sldId="257"/>
            <ac:spMk id="2721" creationId="{5CFDD82C-56A7-49B4-8664-4A201C079485}"/>
          </ac:spMkLst>
        </pc:spChg>
        <pc:spChg chg="add mod modVis">
          <ac:chgData name="Manuel Lidauer" userId="b55e45dd-c6cc-461d-bef5-835fc172e678" providerId="ADAL" clId="{BCD0C6F6-2D95-4A66-B702-D3858BC1FC00}" dt="2019-09-26T10:18:14.436" v="84127"/>
          <ac:spMkLst>
            <pc:docMk/>
            <pc:sldMk cId="1279582212" sldId="257"/>
            <ac:spMk id="2722" creationId="{2C1EE772-3337-4231-9344-0A7FC6ED8C64}"/>
          </ac:spMkLst>
        </pc:spChg>
        <pc:spChg chg="add mod modVis">
          <ac:chgData name="Manuel Lidauer" userId="b55e45dd-c6cc-461d-bef5-835fc172e678" providerId="ADAL" clId="{BCD0C6F6-2D95-4A66-B702-D3858BC1FC00}" dt="2019-09-26T10:18:14.469" v="84166"/>
          <ac:spMkLst>
            <pc:docMk/>
            <pc:sldMk cId="1279582212" sldId="257"/>
            <ac:spMk id="2723" creationId="{97E3AA0D-6208-4913-86A5-A358A3EBB05D}"/>
          </ac:spMkLst>
        </pc:spChg>
        <pc:spChg chg="add mod modVis">
          <ac:chgData name="Manuel Lidauer" userId="b55e45dd-c6cc-461d-bef5-835fc172e678" providerId="ADAL" clId="{BCD0C6F6-2D95-4A66-B702-D3858BC1FC00}" dt="2019-09-26T10:18:14.509" v="84212"/>
          <ac:spMkLst>
            <pc:docMk/>
            <pc:sldMk cId="1279582212" sldId="257"/>
            <ac:spMk id="2724" creationId="{D3975489-84AD-47F5-AF85-27176C06C0CB}"/>
          </ac:spMkLst>
        </pc:spChg>
        <pc:spChg chg="add mod modVis">
          <ac:chgData name="Manuel Lidauer" userId="b55e45dd-c6cc-461d-bef5-835fc172e678" providerId="ADAL" clId="{BCD0C6F6-2D95-4A66-B702-D3858BC1FC00}" dt="2019-09-26T10:18:14.568" v="84259"/>
          <ac:spMkLst>
            <pc:docMk/>
            <pc:sldMk cId="1279582212" sldId="257"/>
            <ac:spMk id="2725" creationId="{59A3CF3E-6C91-4D31-A318-43F345CB48CB}"/>
          </ac:spMkLst>
        </pc:spChg>
        <pc:spChg chg="add mod modVis">
          <ac:chgData name="Manuel Lidauer" userId="b55e45dd-c6cc-461d-bef5-835fc172e678" providerId="ADAL" clId="{BCD0C6F6-2D95-4A66-B702-D3858BC1FC00}" dt="2019-09-26T10:18:14.611" v="84294"/>
          <ac:spMkLst>
            <pc:docMk/>
            <pc:sldMk cId="1279582212" sldId="257"/>
            <ac:spMk id="2726" creationId="{31AD45F0-415F-43B5-B9F0-8D668D4E2217}"/>
          </ac:spMkLst>
        </pc:spChg>
        <pc:spChg chg="add mod modVis">
          <ac:chgData name="Manuel Lidauer" userId="b55e45dd-c6cc-461d-bef5-835fc172e678" providerId="ADAL" clId="{BCD0C6F6-2D95-4A66-B702-D3858BC1FC00}" dt="2019-09-26T10:18:14.615" v="84298"/>
          <ac:spMkLst>
            <pc:docMk/>
            <pc:sldMk cId="1279582212" sldId="257"/>
            <ac:spMk id="2727" creationId="{33B88C64-8812-4B4A-8ACE-8682BFD78414}"/>
          </ac:spMkLst>
        </pc:spChg>
        <pc:spChg chg="add mod modVis">
          <ac:chgData name="Manuel Lidauer" userId="b55e45dd-c6cc-461d-bef5-835fc172e678" providerId="ADAL" clId="{BCD0C6F6-2D95-4A66-B702-D3858BC1FC00}" dt="2019-09-26T10:18:14.673" v="84337"/>
          <ac:spMkLst>
            <pc:docMk/>
            <pc:sldMk cId="1279582212" sldId="257"/>
            <ac:spMk id="2728" creationId="{496DFC1B-BC45-4DE2-A7F9-A0CB83311312}"/>
          </ac:spMkLst>
        </pc:spChg>
        <pc:spChg chg="add mod modVis">
          <ac:chgData name="Manuel Lidauer" userId="b55e45dd-c6cc-461d-bef5-835fc172e678" providerId="ADAL" clId="{BCD0C6F6-2D95-4A66-B702-D3858BC1FC00}" dt="2019-09-26T10:18:14.708" v="84376"/>
          <ac:spMkLst>
            <pc:docMk/>
            <pc:sldMk cId="1279582212" sldId="257"/>
            <ac:spMk id="2729" creationId="{4B09FEED-BD4A-45D3-9F99-6D9A0EC508D4}"/>
          </ac:spMkLst>
        </pc:spChg>
        <pc:spChg chg="add mod modVis">
          <ac:chgData name="Manuel Lidauer" userId="b55e45dd-c6cc-461d-bef5-835fc172e678" providerId="ADAL" clId="{BCD0C6F6-2D95-4A66-B702-D3858BC1FC00}" dt="2019-09-26T10:18:14.742" v="84415"/>
          <ac:spMkLst>
            <pc:docMk/>
            <pc:sldMk cId="1279582212" sldId="257"/>
            <ac:spMk id="2730" creationId="{FA89F6AF-C04C-4678-BC45-4CA0A59CB093}"/>
          </ac:spMkLst>
        </pc:spChg>
        <pc:spChg chg="add mod modVis">
          <ac:chgData name="Manuel Lidauer" userId="b55e45dd-c6cc-461d-bef5-835fc172e678" providerId="ADAL" clId="{BCD0C6F6-2D95-4A66-B702-D3858BC1FC00}" dt="2019-09-26T10:18:14.780" v="84454"/>
          <ac:spMkLst>
            <pc:docMk/>
            <pc:sldMk cId="1279582212" sldId="257"/>
            <ac:spMk id="2731" creationId="{0B4A91B0-4044-4CAE-A56C-5D1CCA20141B}"/>
          </ac:spMkLst>
        </pc:spChg>
        <pc:spChg chg="add mod modVis">
          <ac:chgData name="Manuel Lidauer" userId="b55e45dd-c6cc-461d-bef5-835fc172e678" providerId="ADAL" clId="{BCD0C6F6-2D95-4A66-B702-D3858BC1FC00}" dt="2019-09-26T10:18:14.821" v="84500"/>
          <ac:spMkLst>
            <pc:docMk/>
            <pc:sldMk cId="1279582212" sldId="257"/>
            <ac:spMk id="2732" creationId="{111675E2-283B-4BB0-9141-F6104446AFC8}"/>
          </ac:spMkLst>
        </pc:spChg>
        <pc:spChg chg="add mod modVis">
          <ac:chgData name="Manuel Lidauer" userId="b55e45dd-c6cc-461d-bef5-835fc172e678" providerId="ADAL" clId="{BCD0C6F6-2D95-4A66-B702-D3858BC1FC00}" dt="2019-09-26T10:18:14.864" v="84547"/>
          <ac:spMkLst>
            <pc:docMk/>
            <pc:sldMk cId="1279582212" sldId="257"/>
            <ac:spMk id="2733" creationId="{B8F4BCAA-08B6-400E-B678-2A47BDBE1BC7}"/>
          </ac:spMkLst>
        </pc:spChg>
        <pc:spChg chg="add mod modVis">
          <ac:chgData name="Manuel Lidauer" userId="b55e45dd-c6cc-461d-bef5-835fc172e678" providerId="ADAL" clId="{BCD0C6F6-2D95-4A66-B702-D3858BC1FC00}" dt="2019-09-26T10:18:14.886" v="84582"/>
          <ac:spMkLst>
            <pc:docMk/>
            <pc:sldMk cId="1279582212" sldId="257"/>
            <ac:spMk id="2734" creationId="{B6421BCC-640A-462D-B291-8E1D52A54708}"/>
          </ac:spMkLst>
        </pc:spChg>
        <pc:spChg chg="add mod modVis">
          <ac:chgData name="Manuel Lidauer" userId="b55e45dd-c6cc-461d-bef5-835fc172e678" providerId="ADAL" clId="{BCD0C6F6-2D95-4A66-B702-D3858BC1FC00}" dt="2019-09-26T10:18:14.888" v="84586"/>
          <ac:spMkLst>
            <pc:docMk/>
            <pc:sldMk cId="1279582212" sldId="257"/>
            <ac:spMk id="2735" creationId="{292D0533-BCB0-43FE-A2CF-B62C81C1F25A}"/>
          </ac:spMkLst>
        </pc:spChg>
        <pc:spChg chg="add mod modVis">
          <ac:chgData name="Manuel Lidauer" userId="b55e45dd-c6cc-461d-bef5-835fc172e678" providerId="ADAL" clId="{BCD0C6F6-2D95-4A66-B702-D3858BC1FC00}" dt="2019-09-26T10:18:14.923" v="84625"/>
          <ac:spMkLst>
            <pc:docMk/>
            <pc:sldMk cId="1279582212" sldId="257"/>
            <ac:spMk id="2736" creationId="{09BF8CFD-87AB-484F-9D4B-803B9774D19A}"/>
          </ac:spMkLst>
        </pc:spChg>
        <pc:spChg chg="add mod modVis">
          <ac:chgData name="Manuel Lidauer" userId="b55e45dd-c6cc-461d-bef5-835fc172e678" providerId="ADAL" clId="{BCD0C6F6-2D95-4A66-B702-D3858BC1FC00}" dt="2019-09-26T10:18:14.955" v="84664"/>
          <ac:spMkLst>
            <pc:docMk/>
            <pc:sldMk cId="1279582212" sldId="257"/>
            <ac:spMk id="2737" creationId="{3B131D43-0C50-4740-B8AD-8F227DBAD99B}"/>
          </ac:spMkLst>
        </pc:spChg>
        <pc:spChg chg="add mod modVis">
          <ac:chgData name="Manuel Lidauer" userId="b55e45dd-c6cc-461d-bef5-835fc172e678" providerId="ADAL" clId="{BCD0C6F6-2D95-4A66-B702-D3858BC1FC00}" dt="2019-09-26T10:18:14.988" v="84703"/>
          <ac:spMkLst>
            <pc:docMk/>
            <pc:sldMk cId="1279582212" sldId="257"/>
            <ac:spMk id="2738" creationId="{8414C653-D73C-4897-9823-3701742FD484}"/>
          </ac:spMkLst>
        </pc:spChg>
        <pc:spChg chg="add mod modVis">
          <ac:chgData name="Manuel Lidauer" userId="b55e45dd-c6cc-461d-bef5-835fc172e678" providerId="ADAL" clId="{BCD0C6F6-2D95-4A66-B702-D3858BC1FC00}" dt="2019-09-26T10:18:15.023" v="84742"/>
          <ac:spMkLst>
            <pc:docMk/>
            <pc:sldMk cId="1279582212" sldId="257"/>
            <ac:spMk id="2739" creationId="{7E51396A-3C9F-4AE7-9636-B6D978F21B6E}"/>
          </ac:spMkLst>
        </pc:spChg>
        <pc:spChg chg="add mod modVis">
          <ac:chgData name="Manuel Lidauer" userId="b55e45dd-c6cc-461d-bef5-835fc172e678" providerId="ADAL" clId="{BCD0C6F6-2D95-4A66-B702-D3858BC1FC00}" dt="2019-09-26T10:18:15.062" v="84788"/>
          <ac:spMkLst>
            <pc:docMk/>
            <pc:sldMk cId="1279582212" sldId="257"/>
            <ac:spMk id="2740" creationId="{C4F100E2-1734-4743-8FD8-786A6681A042}"/>
          </ac:spMkLst>
        </pc:spChg>
        <pc:spChg chg="add mod modVis">
          <ac:chgData name="Manuel Lidauer" userId="b55e45dd-c6cc-461d-bef5-835fc172e678" providerId="ADAL" clId="{BCD0C6F6-2D95-4A66-B702-D3858BC1FC00}" dt="2019-09-26T10:18:15.106" v="84834"/>
          <ac:spMkLst>
            <pc:docMk/>
            <pc:sldMk cId="1279582212" sldId="257"/>
            <ac:spMk id="2741" creationId="{AC3CAB9D-7FCC-4F73-B494-6139760CFF15}"/>
          </ac:spMkLst>
        </pc:spChg>
        <pc:spChg chg="add mod modVis">
          <ac:chgData name="Manuel Lidauer" userId="b55e45dd-c6cc-461d-bef5-835fc172e678" providerId="ADAL" clId="{BCD0C6F6-2D95-4A66-B702-D3858BC1FC00}" dt="2019-09-26T10:18:15.134" v="84869"/>
          <ac:spMkLst>
            <pc:docMk/>
            <pc:sldMk cId="1279582212" sldId="257"/>
            <ac:spMk id="2742" creationId="{441DC8FD-C26A-41C7-AF41-FE840B30A834}"/>
          </ac:spMkLst>
        </pc:spChg>
        <pc:spChg chg="add mod modVis">
          <ac:chgData name="Manuel Lidauer" userId="b55e45dd-c6cc-461d-bef5-835fc172e678" providerId="ADAL" clId="{BCD0C6F6-2D95-4A66-B702-D3858BC1FC00}" dt="2019-09-26T10:18:15.137" v="84873"/>
          <ac:spMkLst>
            <pc:docMk/>
            <pc:sldMk cId="1279582212" sldId="257"/>
            <ac:spMk id="2743" creationId="{F53BAD24-C5B9-415A-8EE6-E93806E6E15C}"/>
          </ac:spMkLst>
        </pc:spChg>
        <pc:spChg chg="add mod modVis">
          <ac:chgData name="Manuel Lidauer" userId="b55e45dd-c6cc-461d-bef5-835fc172e678" providerId="ADAL" clId="{BCD0C6F6-2D95-4A66-B702-D3858BC1FC00}" dt="2019-09-26T10:18:15.172" v="84912"/>
          <ac:spMkLst>
            <pc:docMk/>
            <pc:sldMk cId="1279582212" sldId="257"/>
            <ac:spMk id="2744" creationId="{32B6D914-463C-496B-BD65-A9469333D681}"/>
          </ac:spMkLst>
        </pc:spChg>
        <pc:spChg chg="add mod modVis">
          <ac:chgData name="Manuel Lidauer" userId="b55e45dd-c6cc-461d-bef5-835fc172e678" providerId="ADAL" clId="{BCD0C6F6-2D95-4A66-B702-D3858BC1FC00}" dt="2019-09-26T10:18:15.206" v="84951"/>
          <ac:spMkLst>
            <pc:docMk/>
            <pc:sldMk cId="1279582212" sldId="257"/>
            <ac:spMk id="2745" creationId="{F99DAD2D-1E06-44C7-9DDB-4139C694B804}"/>
          </ac:spMkLst>
        </pc:spChg>
        <pc:spChg chg="add mod modVis">
          <ac:chgData name="Manuel Lidauer" userId="b55e45dd-c6cc-461d-bef5-835fc172e678" providerId="ADAL" clId="{BCD0C6F6-2D95-4A66-B702-D3858BC1FC00}" dt="2019-09-26T10:18:15.243" v="84990"/>
          <ac:spMkLst>
            <pc:docMk/>
            <pc:sldMk cId="1279582212" sldId="257"/>
            <ac:spMk id="2746" creationId="{39B538FB-421F-4382-B1A7-CCEE78B00CD9}"/>
          </ac:spMkLst>
        </pc:spChg>
        <pc:spChg chg="add mod modVis">
          <ac:chgData name="Manuel Lidauer" userId="b55e45dd-c6cc-461d-bef5-835fc172e678" providerId="ADAL" clId="{BCD0C6F6-2D95-4A66-B702-D3858BC1FC00}" dt="2019-09-26T10:18:15.296" v="85029"/>
          <ac:spMkLst>
            <pc:docMk/>
            <pc:sldMk cId="1279582212" sldId="257"/>
            <ac:spMk id="2747" creationId="{C8BD19CB-FF87-4FC1-8932-36F8713B6D9A}"/>
          </ac:spMkLst>
        </pc:spChg>
        <pc:spChg chg="add mod modVis">
          <ac:chgData name="Manuel Lidauer" userId="b55e45dd-c6cc-461d-bef5-835fc172e678" providerId="ADAL" clId="{BCD0C6F6-2D95-4A66-B702-D3858BC1FC00}" dt="2019-09-26T10:18:15.362" v="85075"/>
          <ac:spMkLst>
            <pc:docMk/>
            <pc:sldMk cId="1279582212" sldId="257"/>
            <ac:spMk id="2748" creationId="{99AA2C35-0223-4186-BD99-0426EB1AB801}"/>
          </ac:spMkLst>
        </pc:spChg>
        <pc:spChg chg="add mod modVis">
          <ac:chgData name="Manuel Lidauer" userId="b55e45dd-c6cc-461d-bef5-835fc172e678" providerId="ADAL" clId="{BCD0C6F6-2D95-4A66-B702-D3858BC1FC00}" dt="2019-09-26T10:18:15.424" v="85122"/>
          <ac:spMkLst>
            <pc:docMk/>
            <pc:sldMk cId="1279582212" sldId="257"/>
            <ac:spMk id="2749" creationId="{E3A1629A-E65B-4D59-ADB7-CA29F7B57450}"/>
          </ac:spMkLst>
        </pc:spChg>
        <pc:spChg chg="add mod modVis">
          <ac:chgData name="Manuel Lidauer" userId="b55e45dd-c6cc-461d-bef5-835fc172e678" providerId="ADAL" clId="{BCD0C6F6-2D95-4A66-B702-D3858BC1FC00}" dt="2019-09-26T10:18:15.445" v="85157"/>
          <ac:spMkLst>
            <pc:docMk/>
            <pc:sldMk cId="1279582212" sldId="257"/>
            <ac:spMk id="2750" creationId="{C155A841-1B01-40E0-A019-F9CA4B473663}"/>
          </ac:spMkLst>
        </pc:spChg>
        <pc:spChg chg="add mod modVis">
          <ac:chgData name="Manuel Lidauer" userId="b55e45dd-c6cc-461d-bef5-835fc172e678" providerId="ADAL" clId="{BCD0C6F6-2D95-4A66-B702-D3858BC1FC00}" dt="2019-09-26T10:18:15.447" v="85161"/>
          <ac:spMkLst>
            <pc:docMk/>
            <pc:sldMk cId="1279582212" sldId="257"/>
            <ac:spMk id="2751" creationId="{4C0BBBDD-800B-4DFD-99F4-1EAC77241AF5}"/>
          </ac:spMkLst>
        </pc:spChg>
        <pc:spChg chg="add mod modVis">
          <ac:chgData name="Manuel Lidauer" userId="b55e45dd-c6cc-461d-bef5-835fc172e678" providerId="ADAL" clId="{BCD0C6F6-2D95-4A66-B702-D3858BC1FC00}" dt="2019-09-26T10:18:15.481" v="85200"/>
          <ac:spMkLst>
            <pc:docMk/>
            <pc:sldMk cId="1279582212" sldId="257"/>
            <ac:spMk id="2752" creationId="{586D3F5A-8B6E-4D86-AB56-EFA0F4796B6B}"/>
          </ac:spMkLst>
        </pc:spChg>
        <pc:spChg chg="add mod modVis">
          <ac:chgData name="Manuel Lidauer" userId="b55e45dd-c6cc-461d-bef5-835fc172e678" providerId="ADAL" clId="{BCD0C6F6-2D95-4A66-B702-D3858BC1FC00}" dt="2019-09-26T10:18:15.515" v="85239"/>
          <ac:spMkLst>
            <pc:docMk/>
            <pc:sldMk cId="1279582212" sldId="257"/>
            <ac:spMk id="2753" creationId="{642B6868-CD67-4630-A4B8-64B108324F4C}"/>
          </ac:spMkLst>
        </pc:spChg>
        <pc:spChg chg="add mod modVis">
          <ac:chgData name="Manuel Lidauer" userId="b55e45dd-c6cc-461d-bef5-835fc172e678" providerId="ADAL" clId="{BCD0C6F6-2D95-4A66-B702-D3858BC1FC00}" dt="2019-09-26T10:18:15.549" v="85278"/>
          <ac:spMkLst>
            <pc:docMk/>
            <pc:sldMk cId="1279582212" sldId="257"/>
            <ac:spMk id="2754" creationId="{E13A6F87-9F92-4F64-9E74-561335CE2238}"/>
          </ac:spMkLst>
        </pc:spChg>
        <pc:spChg chg="add mod modVis">
          <ac:chgData name="Manuel Lidauer" userId="b55e45dd-c6cc-461d-bef5-835fc172e678" providerId="ADAL" clId="{BCD0C6F6-2D95-4A66-B702-D3858BC1FC00}" dt="2019-09-26T10:18:15.583" v="85317"/>
          <ac:spMkLst>
            <pc:docMk/>
            <pc:sldMk cId="1279582212" sldId="257"/>
            <ac:spMk id="2755" creationId="{33DBBE84-5F08-4316-8201-BE10AAE74EE4}"/>
          </ac:spMkLst>
        </pc:spChg>
        <pc:spChg chg="add mod modVis">
          <ac:chgData name="Manuel Lidauer" userId="b55e45dd-c6cc-461d-bef5-835fc172e678" providerId="ADAL" clId="{BCD0C6F6-2D95-4A66-B702-D3858BC1FC00}" dt="2019-09-26T10:18:15.625" v="85363"/>
          <ac:spMkLst>
            <pc:docMk/>
            <pc:sldMk cId="1279582212" sldId="257"/>
            <ac:spMk id="2756" creationId="{F802B316-6E67-42DF-B761-766DD5542A9B}"/>
          </ac:spMkLst>
        </pc:spChg>
        <pc:spChg chg="add mod modVis">
          <ac:chgData name="Manuel Lidauer" userId="b55e45dd-c6cc-461d-bef5-835fc172e678" providerId="ADAL" clId="{BCD0C6F6-2D95-4A66-B702-D3858BC1FC00}" dt="2019-09-26T10:18:15.665" v="85408"/>
          <ac:spMkLst>
            <pc:docMk/>
            <pc:sldMk cId="1279582212" sldId="257"/>
            <ac:spMk id="2757" creationId="{04246DAA-1C1B-4EF1-BA03-0F4DB89DD7C6}"/>
          </ac:spMkLst>
        </pc:spChg>
        <pc:spChg chg="add mod modVis">
          <ac:chgData name="Manuel Lidauer" userId="b55e45dd-c6cc-461d-bef5-835fc172e678" providerId="ADAL" clId="{BCD0C6F6-2D95-4A66-B702-D3858BC1FC00}" dt="2019-09-26T10:18:15.687" v="85443"/>
          <ac:spMkLst>
            <pc:docMk/>
            <pc:sldMk cId="1279582212" sldId="257"/>
            <ac:spMk id="2758" creationId="{63642861-3E99-4FE4-BE76-03E5ED45D9ED}"/>
          </ac:spMkLst>
        </pc:spChg>
        <pc:spChg chg="add mod modVis">
          <ac:chgData name="Manuel Lidauer" userId="b55e45dd-c6cc-461d-bef5-835fc172e678" providerId="ADAL" clId="{BCD0C6F6-2D95-4A66-B702-D3858BC1FC00}" dt="2019-09-26T10:18:15.689" v="85447"/>
          <ac:spMkLst>
            <pc:docMk/>
            <pc:sldMk cId="1279582212" sldId="257"/>
            <ac:spMk id="2759" creationId="{3AA84203-A367-4F8D-B381-DB06BFEF06F7}"/>
          </ac:spMkLst>
        </pc:spChg>
        <pc:spChg chg="add mod modVis">
          <ac:chgData name="Manuel Lidauer" userId="b55e45dd-c6cc-461d-bef5-835fc172e678" providerId="ADAL" clId="{BCD0C6F6-2D95-4A66-B702-D3858BC1FC00}" dt="2019-09-26T10:18:15.724" v="85486"/>
          <ac:spMkLst>
            <pc:docMk/>
            <pc:sldMk cId="1279582212" sldId="257"/>
            <ac:spMk id="2760" creationId="{5A3AA24E-1E8E-4ECE-80A4-A91AA1A6E3E2}"/>
          </ac:spMkLst>
        </pc:spChg>
        <pc:spChg chg="add mod modVis">
          <ac:chgData name="Manuel Lidauer" userId="b55e45dd-c6cc-461d-bef5-835fc172e678" providerId="ADAL" clId="{BCD0C6F6-2D95-4A66-B702-D3858BC1FC00}" dt="2019-09-26T10:18:15.761" v="85525"/>
          <ac:spMkLst>
            <pc:docMk/>
            <pc:sldMk cId="1279582212" sldId="257"/>
            <ac:spMk id="2761" creationId="{EB77C0FB-A007-4F90-9194-937237CF7A0D}"/>
          </ac:spMkLst>
        </pc:spChg>
        <pc:spChg chg="add mod modVis">
          <ac:chgData name="Manuel Lidauer" userId="b55e45dd-c6cc-461d-bef5-835fc172e678" providerId="ADAL" clId="{BCD0C6F6-2D95-4A66-B702-D3858BC1FC00}" dt="2019-09-26T10:18:15.804" v="85564"/>
          <ac:spMkLst>
            <pc:docMk/>
            <pc:sldMk cId="1279582212" sldId="257"/>
            <ac:spMk id="2762" creationId="{FA17C7EF-4E27-461F-8898-1D9A69CFF9E6}"/>
          </ac:spMkLst>
        </pc:spChg>
        <pc:spChg chg="add mod modVis">
          <ac:chgData name="Manuel Lidauer" userId="b55e45dd-c6cc-461d-bef5-835fc172e678" providerId="ADAL" clId="{BCD0C6F6-2D95-4A66-B702-D3858BC1FC00}" dt="2019-09-26T10:18:15.841" v="85603"/>
          <ac:spMkLst>
            <pc:docMk/>
            <pc:sldMk cId="1279582212" sldId="257"/>
            <ac:spMk id="2763" creationId="{0F8CE22C-528E-4A81-8637-3DF96A7A79E3}"/>
          </ac:spMkLst>
        </pc:spChg>
        <pc:spChg chg="add mod modVis">
          <ac:chgData name="Manuel Lidauer" userId="b55e45dd-c6cc-461d-bef5-835fc172e678" providerId="ADAL" clId="{BCD0C6F6-2D95-4A66-B702-D3858BC1FC00}" dt="2019-09-26T10:18:15.883" v="85649"/>
          <ac:spMkLst>
            <pc:docMk/>
            <pc:sldMk cId="1279582212" sldId="257"/>
            <ac:spMk id="2764" creationId="{1B43F928-639B-4F3A-B3FC-1A0FBB1C3C98}"/>
          </ac:spMkLst>
        </pc:spChg>
        <pc:spChg chg="add mod modVis">
          <ac:chgData name="Manuel Lidauer" userId="b55e45dd-c6cc-461d-bef5-835fc172e678" providerId="ADAL" clId="{BCD0C6F6-2D95-4A66-B702-D3858BC1FC00}" dt="2019-09-26T10:18:15.922" v="85693"/>
          <ac:spMkLst>
            <pc:docMk/>
            <pc:sldMk cId="1279582212" sldId="257"/>
            <ac:spMk id="2765" creationId="{BC5524F3-18A5-41ED-9CD5-625AC7468352}"/>
          </ac:spMkLst>
        </pc:spChg>
        <pc:spChg chg="add mod modVis">
          <ac:chgData name="Manuel Lidauer" userId="b55e45dd-c6cc-461d-bef5-835fc172e678" providerId="ADAL" clId="{BCD0C6F6-2D95-4A66-B702-D3858BC1FC00}" dt="2019-09-26T10:18:15.943" v="85728"/>
          <ac:spMkLst>
            <pc:docMk/>
            <pc:sldMk cId="1279582212" sldId="257"/>
            <ac:spMk id="2766" creationId="{7B1F010B-3595-4187-BF91-85E35014F5EF}"/>
          </ac:spMkLst>
        </pc:spChg>
        <pc:spChg chg="add mod modVis">
          <ac:chgData name="Manuel Lidauer" userId="b55e45dd-c6cc-461d-bef5-835fc172e678" providerId="ADAL" clId="{BCD0C6F6-2D95-4A66-B702-D3858BC1FC00}" dt="2019-09-26T10:18:15.945" v="85732"/>
          <ac:spMkLst>
            <pc:docMk/>
            <pc:sldMk cId="1279582212" sldId="257"/>
            <ac:spMk id="2767" creationId="{5FA2A8EE-437D-4BCA-963B-303C1AC019A6}"/>
          </ac:spMkLst>
        </pc:spChg>
        <pc:spChg chg="add mod modVis">
          <ac:chgData name="Manuel Lidauer" userId="b55e45dd-c6cc-461d-bef5-835fc172e678" providerId="ADAL" clId="{BCD0C6F6-2D95-4A66-B702-D3858BC1FC00}" dt="2019-09-26T10:18:15.980" v="85771"/>
          <ac:spMkLst>
            <pc:docMk/>
            <pc:sldMk cId="1279582212" sldId="257"/>
            <ac:spMk id="2768" creationId="{D51FAE34-7B50-47F3-8541-73AC2317B730}"/>
          </ac:spMkLst>
        </pc:spChg>
        <pc:spChg chg="add mod modVis">
          <ac:chgData name="Manuel Lidauer" userId="b55e45dd-c6cc-461d-bef5-835fc172e678" providerId="ADAL" clId="{BCD0C6F6-2D95-4A66-B702-D3858BC1FC00}" dt="2019-09-26T10:18:16.015" v="85810"/>
          <ac:spMkLst>
            <pc:docMk/>
            <pc:sldMk cId="1279582212" sldId="257"/>
            <ac:spMk id="2769" creationId="{251521C2-AD95-4ED7-915D-4D6A9613524E}"/>
          </ac:spMkLst>
        </pc:spChg>
        <pc:spChg chg="add mod modVis">
          <ac:chgData name="Manuel Lidauer" userId="b55e45dd-c6cc-461d-bef5-835fc172e678" providerId="ADAL" clId="{BCD0C6F6-2D95-4A66-B702-D3858BC1FC00}" dt="2019-09-26T10:18:16.050" v="85849"/>
          <ac:spMkLst>
            <pc:docMk/>
            <pc:sldMk cId="1279582212" sldId="257"/>
            <ac:spMk id="2770" creationId="{2D971759-83EF-4D29-85F0-B5D6C895C57F}"/>
          </ac:spMkLst>
        </pc:spChg>
        <pc:spChg chg="add mod modVis">
          <ac:chgData name="Manuel Lidauer" userId="b55e45dd-c6cc-461d-bef5-835fc172e678" providerId="ADAL" clId="{BCD0C6F6-2D95-4A66-B702-D3858BC1FC00}" dt="2019-09-26T10:18:16.099" v="85888"/>
          <ac:spMkLst>
            <pc:docMk/>
            <pc:sldMk cId="1279582212" sldId="257"/>
            <ac:spMk id="2771" creationId="{ACFCB25C-85DD-441D-B34D-23E53B145FE0}"/>
          </ac:spMkLst>
        </pc:spChg>
        <pc:spChg chg="add mod modVis">
          <ac:chgData name="Manuel Lidauer" userId="b55e45dd-c6cc-461d-bef5-835fc172e678" providerId="ADAL" clId="{BCD0C6F6-2D95-4A66-B702-D3858BC1FC00}" dt="2019-09-26T10:18:16.175" v="85934"/>
          <ac:spMkLst>
            <pc:docMk/>
            <pc:sldMk cId="1279582212" sldId="257"/>
            <ac:spMk id="2772" creationId="{E9103DE8-5E3F-406D-BF0A-786029BE8B80}"/>
          </ac:spMkLst>
        </pc:spChg>
        <pc:spChg chg="add mod modVis">
          <ac:chgData name="Manuel Lidauer" userId="b55e45dd-c6cc-461d-bef5-835fc172e678" providerId="ADAL" clId="{BCD0C6F6-2D95-4A66-B702-D3858BC1FC00}" dt="2019-09-26T10:18:16.243" v="85979"/>
          <ac:spMkLst>
            <pc:docMk/>
            <pc:sldMk cId="1279582212" sldId="257"/>
            <ac:spMk id="2773" creationId="{CF75F3CF-DF74-4D44-A986-2F02AE9992C3}"/>
          </ac:spMkLst>
        </pc:spChg>
        <pc:spChg chg="add mod modVis">
          <ac:chgData name="Manuel Lidauer" userId="b55e45dd-c6cc-461d-bef5-835fc172e678" providerId="ADAL" clId="{BCD0C6F6-2D95-4A66-B702-D3858BC1FC00}" dt="2019-09-26T10:18:16.265" v="86014"/>
          <ac:spMkLst>
            <pc:docMk/>
            <pc:sldMk cId="1279582212" sldId="257"/>
            <ac:spMk id="2774" creationId="{DB66428E-2174-49EA-86C0-BF91917261BB}"/>
          </ac:spMkLst>
        </pc:spChg>
        <pc:spChg chg="add mod modVis">
          <ac:chgData name="Manuel Lidauer" userId="b55e45dd-c6cc-461d-bef5-835fc172e678" providerId="ADAL" clId="{BCD0C6F6-2D95-4A66-B702-D3858BC1FC00}" dt="2019-09-26T10:18:16.268" v="86018"/>
          <ac:spMkLst>
            <pc:docMk/>
            <pc:sldMk cId="1279582212" sldId="257"/>
            <ac:spMk id="2775" creationId="{07E8F745-062F-42CB-A54F-2602B7959A63}"/>
          </ac:spMkLst>
        </pc:spChg>
        <pc:spChg chg="add mod modVis">
          <ac:chgData name="Manuel Lidauer" userId="b55e45dd-c6cc-461d-bef5-835fc172e678" providerId="ADAL" clId="{BCD0C6F6-2D95-4A66-B702-D3858BC1FC00}" dt="2019-09-26T10:18:16.306" v="86057"/>
          <ac:spMkLst>
            <pc:docMk/>
            <pc:sldMk cId="1279582212" sldId="257"/>
            <ac:spMk id="2776" creationId="{74E652F7-162A-42B4-A495-5E9CA301569D}"/>
          </ac:spMkLst>
        </pc:spChg>
        <pc:spChg chg="add mod modVis">
          <ac:chgData name="Manuel Lidauer" userId="b55e45dd-c6cc-461d-bef5-835fc172e678" providerId="ADAL" clId="{BCD0C6F6-2D95-4A66-B702-D3858BC1FC00}" dt="2019-09-26T10:18:16.343" v="86096"/>
          <ac:spMkLst>
            <pc:docMk/>
            <pc:sldMk cId="1279582212" sldId="257"/>
            <ac:spMk id="2777" creationId="{F5679D59-D7DB-42EE-9A9A-191025B8715B}"/>
          </ac:spMkLst>
        </pc:spChg>
        <pc:spChg chg="add mod modVis">
          <ac:chgData name="Manuel Lidauer" userId="b55e45dd-c6cc-461d-bef5-835fc172e678" providerId="ADAL" clId="{BCD0C6F6-2D95-4A66-B702-D3858BC1FC00}" dt="2019-09-26T10:18:16.378" v="86135"/>
          <ac:spMkLst>
            <pc:docMk/>
            <pc:sldMk cId="1279582212" sldId="257"/>
            <ac:spMk id="2778" creationId="{E3C5E9A6-A907-4605-9D1E-F5B05CCE0B90}"/>
          </ac:spMkLst>
        </pc:spChg>
        <pc:spChg chg="add mod modVis">
          <ac:chgData name="Manuel Lidauer" userId="b55e45dd-c6cc-461d-bef5-835fc172e678" providerId="ADAL" clId="{BCD0C6F6-2D95-4A66-B702-D3858BC1FC00}" dt="2019-09-26T10:18:16.414" v="86174"/>
          <ac:spMkLst>
            <pc:docMk/>
            <pc:sldMk cId="1279582212" sldId="257"/>
            <ac:spMk id="2779" creationId="{909FBCAB-9DA3-47E3-8EEA-8732045A8A1B}"/>
          </ac:spMkLst>
        </pc:spChg>
        <pc:spChg chg="add mod modVis">
          <ac:chgData name="Manuel Lidauer" userId="b55e45dd-c6cc-461d-bef5-835fc172e678" providerId="ADAL" clId="{BCD0C6F6-2D95-4A66-B702-D3858BC1FC00}" dt="2019-09-26T10:18:16.457" v="86220"/>
          <ac:spMkLst>
            <pc:docMk/>
            <pc:sldMk cId="1279582212" sldId="257"/>
            <ac:spMk id="2780" creationId="{55A582D5-CDED-467A-B22A-8AEC7B28D8E9}"/>
          </ac:spMkLst>
        </pc:spChg>
        <pc:spChg chg="add mod modVis">
          <ac:chgData name="Manuel Lidauer" userId="b55e45dd-c6cc-461d-bef5-835fc172e678" providerId="ADAL" clId="{BCD0C6F6-2D95-4A66-B702-D3858BC1FC00}" dt="2019-09-26T10:18:16.497" v="86265"/>
          <ac:spMkLst>
            <pc:docMk/>
            <pc:sldMk cId="1279582212" sldId="257"/>
            <ac:spMk id="2781" creationId="{BF0FA881-BB8A-4345-AB30-94AD72B92A97}"/>
          </ac:spMkLst>
        </pc:spChg>
        <pc:spChg chg="add mod modVis">
          <ac:chgData name="Manuel Lidauer" userId="b55e45dd-c6cc-461d-bef5-835fc172e678" providerId="ADAL" clId="{BCD0C6F6-2D95-4A66-B702-D3858BC1FC00}" dt="2019-09-26T10:18:16.520" v="86300"/>
          <ac:spMkLst>
            <pc:docMk/>
            <pc:sldMk cId="1279582212" sldId="257"/>
            <ac:spMk id="2782" creationId="{E6C51596-46C5-4C1B-AA76-452F61C92738}"/>
          </ac:spMkLst>
        </pc:spChg>
        <pc:spChg chg="add mod modVis">
          <ac:chgData name="Manuel Lidauer" userId="b55e45dd-c6cc-461d-bef5-835fc172e678" providerId="ADAL" clId="{BCD0C6F6-2D95-4A66-B702-D3858BC1FC00}" dt="2019-09-26T10:18:16.523" v="86304"/>
          <ac:spMkLst>
            <pc:docMk/>
            <pc:sldMk cId="1279582212" sldId="257"/>
            <ac:spMk id="2783" creationId="{8F64EF1B-5173-4FA7-8272-D7C9AE082A08}"/>
          </ac:spMkLst>
        </pc:spChg>
        <pc:spChg chg="add mod modVis">
          <ac:chgData name="Manuel Lidauer" userId="b55e45dd-c6cc-461d-bef5-835fc172e678" providerId="ADAL" clId="{BCD0C6F6-2D95-4A66-B702-D3858BC1FC00}" dt="2019-09-26T10:18:16.559" v="86343"/>
          <ac:spMkLst>
            <pc:docMk/>
            <pc:sldMk cId="1279582212" sldId="257"/>
            <ac:spMk id="2784" creationId="{80603CAF-2D1D-481A-B2A3-7D0A03F77598}"/>
          </ac:spMkLst>
        </pc:spChg>
        <pc:spChg chg="add mod modVis">
          <ac:chgData name="Manuel Lidauer" userId="b55e45dd-c6cc-461d-bef5-835fc172e678" providerId="ADAL" clId="{BCD0C6F6-2D95-4A66-B702-D3858BC1FC00}" dt="2019-09-26T10:18:16.594" v="86382"/>
          <ac:spMkLst>
            <pc:docMk/>
            <pc:sldMk cId="1279582212" sldId="257"/>
            <ac:spMk id="2785" creationId="{B8EABF98-10A9-4E42-A77D-753840B78FF2}"/>
          </ac:spMkLst>
        </pc:spChg>
        <pc:spChg chg="add mod modVis">
          <ac:chgData name="Manuel Lidauer" userId="b55e45dd-c6cc-461d-bef5-835fc172e678" providerId="ADAL" clId="{BCD0C6F6-2D95-4A66-B702-D3858BC1FC00}" dt="2019-09-26T10:18:16.630" v="86421"/>
          <ac:spMkLst>
            <pc:docMk/>
            <pc:sldMk cId="1279582212" sldId="257"/>
            <ac:spMk id="2786" creationId="{9A8C034C-93D8-47ED-A36C-E49510813C31}"/>
          </ac:spMkLst>
        </pc:spChg>
        <pc:spChg chg="add mod modVis">
          <ac:chgData name="Manuel Lidauer" userId="b55e45dd-c6cc-461d-bef5-835fc172e678" providerId="ADAL" clId="{BCD0C6F6-2D95-4A66-B702-D3858BC1FC00}" dt="2019-09-26T10:18:16.666" v="86460"/>
          <ac:spMkLst>
            <pc:docMk/>
            <pc:sldMk cId="1279582212" sldId="257"/>
            <ac:spMk id="2787" creationId="{F7178A00-F076-49A7-86C4-367990C24718}"/>
          </ac:spMkLst>
        </pc:spChg>
        <pc:spChg chg="add mod modVis">
          <ac:chgData name="Manuel Lidauer" userId="b55e45dd-c6cc-461d-bef5-835fc172e678" providerId="ADAL" clId="{BCD0C6F6-2D95-4A66-B702-D3858BC1FC00}" dt="2019-09-26T10:18:16.710" v="86506"/>
          <ac:spMkLst>
            <pc:docMk/>
            <pc:sldMk cId="1279582212" sldId="257"/>
            <ac:spMk id="2788" creationId="{876254DB-8067-4A39-B7B6-B4A3539518C3}"/>
          </ac:spMkLst>
        </pc:spChg>
        <pc:spChg chg="add mod modVis">
          <ac:chgData name="Manuel Lidauer" userId="b55e45dd-c6cc-461d-bef5-835fc172e678" providerId="ADAL" clId="{BCD0C6F6-2D95-4A66-B702-D3858BC1FC00}" dt="2019-09-26T10:18:16.754" v="86551"/>
          <ac:spMkLst>
            <pc:docMk/>
            <pc:sldMk cId="1279582212" sldId="257"/>
            <ac:spMk id="2789" creationId="{CC453B58-61ED-4AAD-835E-692B5D0D6B07}"/>
          </ac:spMkLst>
        </pc:spChg>
        <pc:spChg chg="add mod modVis">
          <ac:chgData name="Manuel Lidauer" userId="b55e45dd-c6cc-461d-bef5-835fc172e678" providerId="ADAL" clId="{BCD0C6F6-2D95-4A66-B702-D3858BC1FC00}" dt="2019-09-26T10:18:16.777" v="86586"/>
          <ac:spMkLst>
            <pc:docMk/>
            <pc:sldMk cId="1279582212" sldId="257"/>
            <ac:spMk id="2790" creationId="{670AC85B-4A3B-4FE1-BADF-8D2E95501E1C}"/>
          </ac:spMkLst>
        </pc:spChg>
        <pc:spChg chg="add mod modVis">
          <ac:chgData name="Manuel Lidauer" userId="b55e45dd-c6cc-461d-bef5-835fc172e678" providerId="ADAL" clId="{BCD0C6F6-2D95-4A66-B702-D3858BC1FC00}" dt="2019-09-26T10:18:16.780" v="86590"/>
          <ac:spMkLst>
            <pc:docMk/>
            <pc:sldMk cId="1279582212" sldId="257"/>
            <ac:spMk id="2791" creationId="{BED7179A-4B93-48BC-A04A-08184D542F1B}"/>
          </ac:spMkLst>
        </pc:spChg>
        <pc:spChg chg="add mod modVis">
          <ac:chgData name="Manuel Lidauer" userId="b55e45dd-c6cc-461d-bef5-835fc172e678" providerId="ADAL" clId="{BCD0C6F6-2D95-4A66-B702-D3858BC1FC00}" dt="2019-09-26T10:18:16.817" v="86629"/>
          <ac:spMkLst>
            <pc:docMk/>
            <pc:sldMk cId="1279582212" sldId="257"/>
            <ac:spMk id="2792" creationId="{20DEC0A6-9D16-4796-AF34-294A6C7CD2E1}"/>
          </ac:spMkLst>
        </pc:spChg>
        <pc:spChg chg="add mod modVis">
          <ac:chgData name="Manuel Lidauer" userId="b55e45dd-c6cc-461d-bef5-835fc172e678" providerId="ADAL" clId="{BCD0C6F6-2D95-4A66-B702-D3858BC1FC00}" dt="2019-09-26T10:18:16.862" v="86668"/>
          <ac:spMkLst>
            <pc:docMk/>
            <pc:sldMk cId="1279582212" sldId="257"/>
            <ac:spMk id="2793" creationId="{27BE3E24-5935-4EAD-888D-8208A2F5A5EF}"/>
          </ac:spMkLst>
        </pc:spChg>
        <pc:spChg chg="add mod modVis">
          <ac:chgData name="Manuel Lidauer" userId="b55e45dd-c6cc-461d-bef5-835fc172e678" providerId="ADAL" clId="{BCD0C6F6-2D95-4A66-B702-D3858BC1FC00}" dt="2019-09-26T10:18:16.897" v="86707"/>
          <ac:spMkLst>
            <pc:docMk/>
            <pc:sldMk cId="1279582212" sldId="257"/>
            <ac:spMk id="2794" creationId="{2797B5CC-E3C0-4ADE-A361-775C938CE0E9}"/>
          </ac:spMkLst>
        </pc:spChg>
        <pc:spChg chg="add mod modVis">
          <ac:chgData name="Manuel Lidauer" userId="b55e45dd-c6cc-461d-bef5-835fc172e678" providerId="ADAL" clId="{BCD0C6F6-2D95-4A66-B702-D3858BC1FC00}" dt="2019-09-26T10:18:16.934" v="86746"/>
          <ac:spMkLst>
            <pc:docMk/>
            <pc:sldMk cId="1279582212" sldId="257"/>
            <ac:spMk id="2795" creationId="{FA992840-8225-4D96-A021-25062B4DB2B0}"/>
          </ac:spMkLst>
        </pc:spChg>
        <pc:spChg chg="add mod modVis">
          <ac:chgData name="Manuel Lidauer" userId="b55e45dd-c6cc-461d-bef5-835fc172e678" providerId="ADAL" clId="{BCD0C6F6-2D95-4A66-B702-D3858BC1FC00}" dt="2019-09-26T10:18:16.977" v="86792"/>
          <ac:spMkLst>
            <pc:docMk/>
            <pc:sldMk cId="1279582212" sldId="257"/>
            <ac:spMk id="2796" creationId="{B431AED6-CC27-4EAC-865A-345CD1382C4C}"/>
          </ac:spMkLst>
        </pc:spChg>
        <pc:spChg chg="add mod modVis">
          <ac:chgData name="Manuel Lidauer" userId="b55e45dd-c6cc-461d-bef5-835fc172e678" providerId="ADAL" clId="{BCD0C6F6-2D95-4A66-B702-D3858BC1FC00}" dt="2019-09-26T10:18:17.049" v="86837"/>
          <ac:spMkLst>
            <pc:docMk/>
            <pc:sldMk cId="1279582212" sldId="257"/>
            <ac:spMk id="2797" creationId="{9FB835B3-1E97-40A5-AF35-F010D69938A3}"/>
          </ac:spMkLst>
        </pc:spChg>
        <pc:spChg chg="add mod modVis">
          <ac:chgData name="Manuel Lidauer" userId="b55e45dd-c6cc-461d-bef5-835fc172e678" providerId="ADAL" clId="{BCD0C6F6-2D95-4A66-B702-D3858BC1FC00}" dt="2019-09-26T10:18:17.097" v="86872"/>
          <ac:spMkLst>
            <pc:docMk/>
            <pc:sldMk cId="1279582212" sldId="257"/>
            <ac:spMk id="2798" creationId="{85B87C67-8CA1-4F75-BBED-F85F1141EC26}"/>
          </ac:spMkLst>
        </pc:spChg>
        <pc:spChg chg="add mod modVis">
          <ac:chgData name="Manuel Lidauer" userId="b55e45dd-c6cc-461d-bef5-835fc172e678" providerId="ADAL" clId="{BCD0C6F6-2D95-4A66-B702-D3858BC1FC00}" dt="2019-09-26T10:18:17.103" v="86876"/>
          <ac:spMkLst>
            <pc:docMk/>
            <pc:sldMk cId="1279582212" sldId="257"/>
            <ac:spMk id="2799" creationId="{86B27DF3-50A7-46C2-99D4-5EF1BF596C11}"/>
          </ac:spMkLst>
        </pc:spChg>
        <pc:spChg chg="add mod modVis">
          <ac:chgData name="Manuel Lidauer" userId="b55e45dd-c6cc-461d-bef5-835fc172e678" providerId="ADAL" clId="{BCD0C6F6-2D95-4A66-B702-D3858BC1FC00}" dt="2019-09-26T10:18:17.157" v="86915"/>
          <ac:spMkLst>
            <pc:docMk/>
            <pc:sldMk cId="1279582212" sldId="257"/>
            <ac:spMk id="2800" creationId="{ECE673E3-E7F8-4471-9645-E99337A15AE4}"/>
          </ac:spMkLst>
        </pc:spChg>
        <pc:spChg chg="add mod modVis">
          <ac:chgData name="Manuel Lidauer" userId="b55e45dd-c6cc-461d-bef5-835fc172e678" providerId="ADAL" clId="{BCD0C6F6-2D95-4A66-B702-D3858BC1FC00}" dt="2019-09-26T10:18:17.194" v="86954"/>
          <ac:spMkLst>
            <pc:docMk/>
            <pc:sldMk cId="1279582212" sldId="257"/>
            <ac:spMk id="2801" creationId="{5E37AB3B-F27C-4D04-B53E-62641DC48AEC}"/>
          </ac:spMkLst>
        </pc:spChg>
        <pc:spChg chg="add mod modVis">
          <ac:chgData name="Manuel Lidauer" userId="b55e45dd-c6cc-461d-bef5-835fc172e678" providerId="ADAL" clId="{BCD0C6F6-2D95-4A66-B702-D3858BC1FC00}" dt="2019-09-26T10:18:17.229" v="86993"/>
          <ac:spMkLst>
            <pc:docMk/>
            <pc:sldMk cId="1279582212" sldId="257"/>
            <ac:spMk id="2802" creationId="{D3B54467-3852-4CFE-ACAF-D9B06A64C0DB}"/>
          </ac:spMkLst>
        </pc:spChg>
        <pc:spChg chg="add mod modVis">
          <ac:chgData name="Manuel Lidauer" userId="b55e45dd-c6cc-461d-bef5-835fc172e678" providerId="ADAL" clId="{BCD0C6F6-2D95-4A66-B702-D3858BC1FC00}" dt="2019-09-26T10:18:17.268" v="87032"/>
          <ac:spMkLst>
            <pc:docMk/>
            <pc:sldMk cId="1279582212" sldId="257"/>
            <ac:spMk id="2803" creationId="{5BC8AA37-492D-45C8-9944-7FB6F5DADA92}"/>
          </ac:spMkLst>
        </pc:spChg>
        <pc:spChg chg="add mod modVis">
          <ac:chgData name="Manuel Lidauer" userId="b55e45dd-c6cc-461d-bef5-835fc172e678" providerId="ADAL" clId="{BCD0C6F6-2D95-4A66-B702-D3858BC1FC00}" dt="2019-09-26T10:18:17.313" v="87078"/>
          <ac:spMkLst>
            <pc:docMk/>
            <pc:sldMk cId="1279582212" sldId="257"/>
            <ac:spMk id="2804" creationId="{9420A7F1-1460-4174-ADC5-09A48E1E84FB}"/>
          </ac:spMkLst>
        </pc:spChg>
        <pc:spChg chg="add mod modVis">
          <ac:chgData name="Manuel Lidauer" userId="b55e45dd-c6cc-461d-bef5-835fc172e678" providerId="ADAL" clId="{BCD0C6F6-2D95-4A66-B702-D3858BC1FC00}" dt="2019-09-26T10:18:17.359" v="87122"/>
          <ac:spMkLst>
            <pc:docMk/>
            <pc:sldMk cId="1279582212" sldId="257"/>
            <ac:spMk id="2805" creationId="{9343197F-0F41-4232-902F-C87CF39C4239}"/>
          </ac:spMkLst>
        </pc:spChg>
        <pc:spChg chg="add mod modVis">
          <ac:chgData name="Manuel Lidauer" userId="b55e45dd-c6cc-461d-bef5-835fc172e678" providerId="ADAL" clId="{BCD0C6F6-2D95-4A66-B702-D3858BC1FC00}" dt="2019-09-26T10:18:17.382" v="87157"/>
          <ac:spMkLst>
            <pc:docMk/>
            <pc:sldMk cId="1279582212" sldId="257"/>
            <ac:spMk id="2806" creationId="{448EB01B-FCEF-4271-A6F3-F29DF8591CAB}"/>
          </ac:spMkLst>
        </pc:spChg>
        <pc:spChg chg="add mod modVis">
          <ac:chgData name="Manuel Lidauer" userId="b55e45dd-c6cc-461d-bef5-835fc172e678" providerId="ADAL" clId="{BCD0C6F6-2D95-4A66-B702-D3858BC1FC00}" dt="2019-09-26T10:18:17.385" v="87161"/>
          <ac:spMkLst>
            <pc:docMk/>
            <pc:sldMk cId="1279582212" sldId="257"/>
            <ac:spMk id="2807" creationId="{B56DEA46-85F5-497B-9CFB-492F711A374F}"/>
          </ac:spMkLst>
        </pc:spChg>
        <pc:spChg chg="add mod modVis">
          <ac:chgData name="Manuel Lidauer" userId="b55e45dd-c6cc-461d-bef5-835fc172e678" providerId="ADAL" clId="{BCD0C6F6-2D95-4A66-B702-D3858BC1FC00}" dt="2019-09-26T10:18:17.423" v="87200"/>
          <ac:spMkLst>
            <pc:docMk/>
            <pc:sldMk cId="1279582212" sldId="257"/>
            <ac:spMk id="2808" creationId="{5E23B68F-C666-4962-8812-1F67783B362C}"/>
          </ac:spMkLst>
        </pc:spChg>
        <pc:spChg chg="add mod modVis">
          <ac:chgData name="Manuel Lidauer" userId="b55e45dd-c6cc-461d-bef5-835fc172e678" providerId="ADAL" clId="{BCD0C6F6-2D95-4A66-B702-D3858BC1FC00}" dt="2019-09-26T10:18:17.459" v="87239"/>
          <ac:spMkLst>
            <pc:docMk/>
            <pc:sldMk cId="1279582212" sldId="257"/>
            <ac:spMk id="2809" creationId="{AF2443E2-2923-440D-AEFC-8E5638A11DF2}"/>
          </ac:spMkLst>
        </pc:spChg>
        <pc:spChg chg="add mod modVis">
          <ac:chgData name="Manuel Lidauer" userId="b55e45dd-c6cc-461d-bef5-835fc172e678" providerId="ADAL" clId="{BCD0C6F6-2D95-4A66-B702-D3858BC1FC00}" dt="2019-09-26T10:18:17.496" v="87278"/>
          <ac:spMkLst>
            <pc:docMk/>
            <pc:sldMk cId="1279582212" sldId="257"/>
            <ac:spMk id="2810" creationId="{7DBCEF2E-314B-4A31-ADE0-52225E34564E}"/>
          </ac:spMkLst>
        </pc:spChg>
        <pc:spChg chg="add mod modVis">
          <ac:chgData name="Manuel Lidauer" userId="b55e45dd-c6cc-461d-bef5-835fc172e678" providerId="ADAL" clId="{BCD0C6F6-2D95-4A66-B702-D3858BC1FC00}" dt="2019-09-26T10:18:17.532" v="87317"/>
          <ac:spMkLst>
            <pc:docMk/>
            <pc:sldMk cId="1279582212" sldId="257"/>
            <ac:spMk id="2811" creationId="{58414FCF-197D-4AC4-8580-44974FF31CB0}"/>
          </ac:spMkLst>
        </pc:spChg>
        <pc:spChg chg="add mod modVis">
          <ac:chgData name="Manuel Lidauer" userId="b55e45dd-c6cc-461d-bef5-835fc172e678" providerId="ADAL" clId="{BCD0C6F6-2D95-4A66-B702-D3858BC1FC00}" dt="2019-09-26T10:18:17.575" v="87363"/>
          <ac:spMkLst>
            <pc:docMk/>
            <pc:sldMk cId="1279582212" sldId="257"/>
            <ac:spMk id="2812" creationId="{9AD329F1-93ED-4336-A8EF-D9936C092CDB}"/>
          </ac:spMkLst>
        </pc:spChg>
        <pc:spChg chg="add mod modVis">
          <ac:chgData name="Manuel Lidauer" userId="b55e45dd-c6cc-461d-bef5-835fc172e678" providerId="ADAL" clId="{BCD0C6F6-2D95-4A66-B702-D3858BC1FC00}" dt="2019-09-26T10:18:17.618" v="87407"/>
          <ac:spMkLst>
            <pc:docMk/>
            <pc:sldMk cId="1279582212" sldId="257"/>
            <ac:spMk id="2813" creationId="{DFBEE502-E5E2-4018-91EC-DE21B6B80C66}"/>
          </ac:spMkLst>
        </pc:spChg>
        <pc:spChg chg="add mod modVis">
          <ac:chgData name="Manuel Lidauer" userId="b55e45dd-c6cc-461d-bef5-835fc172e678" providerId="ADAL" clId="{BCD0C6F6-2D95-4A66-B702-D3858BC1FC00}" dt="2019-09-26T10:18:17.641" v="87442"/>
          <ac:spMkLst>
            <pc:docMk/>
            <pc:sldMk cId="1279582212" sldId="257"/>
            <ac:spMk id="2814" creationId="{EB176686-A00D-4AB9-9C68-A0D8EE8FDAE6}"/>
          </ac:spMkLst>
        </pc:spChg>
        <pc:spChg chg="add mod modVis">
          <ac:chgData name="Manuel Lidauer" userId="b55e45dd-c6cc-461d-bef5-835fc172e678" providerId="ADAL" clId="{BCD0C6F6-2D95-4A66-B702-D3858BC1FC00}" dt="2019-09-26T10:18:17.644" v="87446"/>
          <ac:spMkLst>
            <pc:docMk/>
            <pc:sldMk cId="1279582212" sldId="257"/>
            <ac:spMk id="2815" creationId="{AC286E4A-6617-4E3A-A60B-F8D069E84C44}"/>
          </ac:spMkLst>
        </pc:spChg>
        <pc:spChg chg="add mod modVis">
          <ac:chgData name="Manuel Lidauer" userId="b55e45dd-c6cc-461d-bef5-835fc172e678" providerId="ADAL" clId="{BCD0C6F6-2D95-4A66-B702-D3858BC1FC00}" dt="2019-09-26T10:18:17.682" v="87485"/>
          <ac:spMkLst>
            <pc:docMk/>
            <pc:sldMk cId="1279582212" sldId="257"/>
            <ac:spMk id="2816" creationId="{CDA4CB07-28D4-4724-8233-A255B3AAABD7}"/>
          </ac:spMkLst>
        </pc:spChg>
        <pc:spChg chg="add mod modVis">
          <ac:chgData name="Manuel Lidauer" userId="b55e45dd-c6cc-461d-bef5-835fc172e678" providerId="ADAL" clId="{BCD0C6F6-2D95-4A66-B702-D3858BC1FC00}" dt="2019-09-26T10:18:17.720" v="87524"/>
          <ac:spMkLst>
            <pc:docMk/>
            <pc:sldMk cId="1279582212" sldId="257"/>
            <ac:spMk id="2817" creationId="{8723EDE0-80BE-4B2E-9502-5710CB89C272}"/>
          </ac:spMkLst>
        </pc:spChg>
        <pc:spChg chg="add mod modVis">
          <ac:chgData name="Manuel Lidauer" userId="b55e45dd-c6cc-461d-bef5-835fc172e678" providerId="ADAL" clId="{BCD0C6F6-2D95-4A66-B702-D3858BC1FC00}" dt="2019-09-26T10:18:17.758" v="87563"/>
          <ac:spMkLst>
            <pc:docMk/>
            <pc:sldMk cId="1279582212" sldId="257"/>
            <ac:spMk id="2818" creationId="{E915F3F2-1FE3-4C8A-B120-2C8EB06DD8F9}"/>
          </ac:spMkLst>
        </pc:spChg>
        <pc:spChg chg="add mod modVis">
          <ac:chgData name="Manuel Lidauer" userId="b55e45dd-c6cc-461d-bef5-835fc172e678" providerId="ADAL" clId="{BCD0C6F6-2D95-4A66-B702-D3858BC1FC00}" dt="2019-09-26T10:18:17.795" v="87602"/>
          <ac:spMkLst>
            <pc:docMk/>
            <pc:sldMk cId="1279582212" sldId="257"/>
            <ac:spMk id="2819" creationId="{06E7C87F-04E4-44C0-8490-57597321145F}"/>
          </ac:spMkLst>
        </pc:spChg>
        <pc:spChg chg="add mod modVis">
          <ac:chgData name="Manuel Lidauer" userId="b55e45dd-c6cc-461d-bef5-835fc172e678" providerId="ADAL" clId="{BCD0C6F6-2D95-4A66-B702-D3858BC1FC00}" dt="2019-09-26T10:18:17.840" v="87648"/>
          <ac:spMkLst>
            <pc:docMk/>
            <pc:sldMk cId="1279582212" sldId="257"/>
            <ac:spMk id="2820" creationId="{19186091-011D-4421-8DDB-AA3E81C4E155}"/>
          </ac:spMkLst>
        </pc:spChg>
        <pc:spChg chg="add mod modVis">
          <ac:chgData name="Manuel Lidauer" userId="b55e45dd-c6cc-461d-bef5-835fc172e678" providerId="ADAL" clId="{BCD0C6F6-2D95-4A66-B702-D3858BC1FC00}" dt="2019-09-26T10:18:17.893" v="87692"/>
          <ac:spMkLst>
            <pc:docMk/>
            <pc:sldMk cId="1279582212" sldId="257"/>
            <ac:spMk id="2821" creationId="{4D8A92BD-0365-429A-858B-7D5828EAC187}"/>
          </ac:spMkLst>
        </pc:spChg>
        <pc:spChg chg="add mod modVis">
          <ac:chgData name="Manuel Lidauer" userId="b55e45dd-c6cc-461d-bef5-835fc172e678" providerId="ADAL" clId="{BCD0C6F6-2D95-4A66-B702-D3858BC1FC00}" dt="2019-09-26T10:18:17.917" v="87727"/>
          <ac:spMkLst>
            <pc:docMk/>
            <pc:sldMk cId="1279582212" sldId="257"/>
            <ac:spMk id="2822" creationId="{8702BD89-F075-4A31-A0DC-4DD66AB4656E}"/>
          </ac:spMkLst>
        </pc:spChg>
        <pc:spChg chg="add mod modVis">
          <ac:chgData name="Manuel Lidauer" userId="b55e45dd-c6cc-461d-bef5-835fc172e678" providerId="ADAL" clId="{BCD0C6F6-2D95-4A66-B702-D3858BC1FC00}" dt="2019-09-26T10:18:17.920" v="87731"/>
          <ac:spMkLst>
            <pc:docMk/>
            <pc:sldMk cId="1279582212" sldId="257"/>
            <ac:spMk id="2823" creationId="{17692990-C3EB-4EA9-8472-708A7E72AF57}"/>
          </ac:spMkLst>
        </pc:spChg>
        <pc:spChg chg="add mod modVis">
          <ac:chgData name="Manuel Lidauer" userId="b55e45dd-c6cc-461d-bef5-835fc172e678" providerId="ADAL" clId="{BCD0C6F6-2D95-4A66-B702-D3858BC1FC00}" dt="2019-09-26T10:18:17.959" v="87770"/>
          <ac:spMkLst>
            <pc:docMk/>
            <pc:sldMk cId="1279582212" sldId="257"/>
            <ac:spMk id="2824" creationId="{CCB17D47-F33C-41C7-A181-1778FA9B2751}"/>
          </ac:spMkLst>
        </pc:spChg>
        <pc:spChg chg="add mod modVis">
          <ac:chgData name="Manuel Lidauer" userId="b55e45dd-c6cc-461d-bef5-835fc172e678" providerId="ADAL" clId="{BCD0C6F6-2D95-4A66-B702-D3858BC1FC00}" dt="2019-09-26T10:18:17.998" v="87809"/>
          <ac:spMkLst>
            <pc:docMk/>
            <pc:sldMk cId="1279582212" sldId="257"/>
            <ac:spMk id="2825" creationId="{62205C4C-51EB-4A3E-AFCA-CB0D17DD973E}"/>
          </ac:spMkLst>
        </pc:spChg>
        <pc:spChg chg="add mod modVis">
          <ac:chgData name="Manuel Lidauer" userId="b55e45dd-c6cc-461d-bef5-835fc172e678" providerId="ADAL" clId="{BCD0C6F6-2D95-4A66-B702-D3858BC1FC00}" dt="2019-09-26T10:18:18.036" v="87848"/>
          <ac:spMkLst>
            <pc:docMk/>
            <pc:sldMk cId="1279582212" sldId="257"/>
            <ac:spMk id="2826" creationId="{C6A0D760-F485-436D-BE3F-53FBF65DB7CA}"/>
          </ac:spMkLst>
        </pc:spChg>
        <pc:spChg chg="add mod modVis">
          <ac:chgData name="Manuel Lidauer" userId="b55e45dd-c6cc-461d-bef5-835fc172e678" providerId="ADAL" clId="{BCD0C6F6-2D95-4A66-B702-D3858BC1FC00}" dt="2019-09-26T10:18:18.074" v="87887"/>
          <ac:spMkLst>
            <pc:docMk/>
            <pc:sldMk cId="1279582212" sldId="257"/>
            <ac:spMk id="2827" creationId="{636CA8AD-109D-48A8-982A-2608F2B9EFCC}"/>
          </ac:spMkLst>
        </pc:spChg>
        <pc:spChg chg="add mod modVis">
          <ac:chgData name="Manuel Lidauer" userId="b55e45dd-c6cc-461d-bef5-835fc172e678" providerId="ADAL" clId="{BCD0C6F6-2D95-4A66-B702-D3858BC1FC00}" dt="2019-09-26T10:18:18.136" v="87933"/>
          <ac:spMkLst>
            <pc:docMk/>
            <pc:sldMk cId="1279582212" sldId="257"/>
            <ac:spMk id="2828" creationId="{58AC3E54-9144-4D6B-A0DB-45A643179233}"/>
          </ac:spMkLst>
        </pc:spChg>
        <pc:spChg chg="add mod modVis">
          <ac:chgData name="Manuel Lidauer" userId="b55e45dd-c6cc-461d-bef5-835fc172e678" providerId="ADAL" clId="{BCD0C6F6-2D95-4A66-B702-D3858BC1FC00}" dt="2019-09-26T10:18:18.180" v="87978"/>
          <ac:spMkLst>
            <pc:docMk/>
            <pc:sldMk cId="1279582212" sldId="257"/>
            <ac:spMk id="2829" creationId="{CF3F8254-7E4F-4F29-A783-0735280359D9}"/>
          </ac:spMkLst>
        </pc:spChg>
        <pc:spChg chg="add mod modVis">
          <ac:chgData name="Manuel Lidauer" userId="b55e45dd-c6cc-461d-bef5-835fc172e678" providerId="ADAL" clId="{BCD0C6F6-2D95-4A66-B702-D3858BC1FC00}" dt="2019-09-26T10:18:18.205" v="88013"/>
          <ac:spMkLst>
            <pc:docMk/>
            <pc:sldMk cId="1279582212" sldId="257"/>
            <ac:spMk id="2830" creationId="{E3841E12-8C88-42FF-9F7C-462B8A0D19B9}"/>
          </ac:spMkLst>
        </pc:spChg>
        <pc:spChg chg="add mod modVis">
          <ac:chgData name="Manuel Lidauer" userId="b55e45dd-c6cc-461d-bef5-835fc172e678" providerId="ADAL" clId="{BCD0C6F6-2D95-4A66-B702-D3858BC1FC00}" dt="2019-09-26T10:18:18.208" v="88017"/>
          <ac:spMkLst>
            <pc:docMk/>
            <pc:sldMk cId="1279582212" sldId="257"/>
            <ac:spMk id="2831" creationId="{5F17FC2F-4FCB-4CCD-A75F-A3126144F42A}"/>
          </ac:spMkLst>
        </pc:spChg>
        <pc:spChg chg="add mod modVis">
          <ac:chgData name="Manuel Lidauer" userId="b55e45dd-c6cc-461d-bef5-835fc172e678" providerId="ADAL" clId="{BCD0C6F6-2D95-4A66-B702-D3858BC1FC00}" dt="2019-09-26T10:18:18.248" v="88056"/>
          <ac:spMkLst>
            <pc:docMk/>
            <pc:sldMk cId="1279582212" sldId="257"/>
            <ac:spMk id="2832" creationId="{3B9956D5-A6A8-4EE4-8690-379BE9A53692}"/>
          </ac:spMkLst>
        </pc:spChg>
        <pc:spChg chg="add mod modVis">
          <ac:chgData name="Manuel Lidauer" userId="b55e45dd-c6cc-461d-bef5-835fc172e678" providerId="ADAL" clId="{BCD0C6F6-2D95-4A66-B702-D3858BC1FC00}" dt="2019-09-26T10:18:18.287" v="88095"/>
          <ac:spMkLst>
            <pc:docMk/>
            <pc:sldMk cId="1279582212" sldId="257"/>
            <ac:spMk id="2833" creationId="{7A5CAC6D-F8D4-4E0F-AB56-BB63C0CE8DD2}"/>
          </ac:spMkLst>
        </pc:spChg>
        <pc:spChg chg="add mod modVis">
          <ac:chgData name="Manuel Lidauer" userId="b55e45dd-c6cc-461d-bef5-835fc172e678" providerId="ADAL" clId="{BCD0C6F6-2D95-4A66-B702-D3858BC1FC00}" dt="2019-09-26T10:18:18.326" v="88134"/>
          <ac:spMkLst>
            <pc:docMk/>
            <pc:sldMk cId="1279582212" sldId="257"/>
            <ac:spMk id="2834" creationId="{0D2CDACE-0978-42C3-92CA-9413C29F44D2}"/>
          </ac:spMkLst>
        </pc:spChg>
        <pc:spChg chg="add mod modVis">
          <ac:chgData name="Manuel Lidauer" userId="b55e45dd-c6cc-461d-bef5-835fc172e678" providerId="ADAL" clId="{BCD0C6F6-2D95-4A66-B702-D3858BC1FC00}" dt="2019-09-26T10:18:18.366" v="88173"/>
          <ac:spMkLst>
            <pc:docMk/>
            <pc:sldMk cId="1279582212" sldId="257"/>
            <ac:spMk id="2835" creationId="{4431C79B-B808-4D3A-B819-D8875D7D3DE4}"/>
          </ac:spMkLst>
        </pc:spChg>
        <pc:spChg chg="add mod modVis">
          <ac:chgData name="Manuel Lidauer" userId="b55e45dd-c6cc-461d-bef5-835fc172e678" providerId="ADAL" clId="{BCD0C6F6-2D95-4A66-B702-D3858BC1FC00}" dt="2019-09-26T10:18:18.411" v="88219"/>
          <ac:spMkLst>
            <pc:docMk/>
            <pc:sldMk cId="1279582212" sldId="257"/>
            <ac:spMk id="2836" creationId="{EA0B2696-7591-433C-A804-766659E4C246}"/>
          </ac:spMkLst>
        </pc:spChg>
        <pc:spChg chg="add mod modVis">
          <ac:chgData name="Manuel Lidauer" userId="b55e45dd-c6cc-461d-bef5-835fc172e678" providerId="ADAL" clId="{BCD0C6F6-2D95-4A66-B702-D3858BC1FC00}" dt="2019-09-26T10:18:18.454" v="88263"/>
          <ac:spMkLst>
            <pc:docMk/>
            <pc:sldMk cId="1279582212" sldId="257"/>
            <ac:spMk id="2837" creationId="{A6996279-CC08-43F7-9ADC-55BC0CCDFB99}"/>
          </ac:spMkLst>
        </pc:spChg>
        <pc:cxnChg chg="del">
          <ac:chgData name="Manuel Lidauer" userId="b55e45dd-c6cc-461d-bef5-835fc172e678" providerId="ADAL" clId="{BCD0C6F6-2D95-4A66-B702-D3858BC1FC00}" dt="2019-09-26T09:01:01.194" v="98"/>
          <ac:cxnSpMkLst>
            <pc:docMk/>
            <pc:sldMk cId="1279582212" sldId="257"/>
            <ac:cxnSpMk id="39" creationId="{DCC73B74-B2F4-44FD-99C7-338D37996DE8}"/>
          </ac:cxnSpMkLst>
        </pc:cxnChg>
        <pc:cxnChg chg="del">
          <ac:chgData name="Manuel Lidauer" userId="b55e45dd-c6cc-461d-bef5-835fc172e678" providerId="ADAL" clId="{BCD0C6F6-2D95-4A66-B702-D3858BC1FC00}" dt="2019-09-26T09:01:01.195" v="102"/>
          <ac:cxnSpMkLst>
            <pc:docMk/>
            <pc:sldMk cId="1279582212" sldId="257"/>
            <ac:cxnSpMk id="41" creationId="{BD56CB67-D984-4B72-8F39-92B2FBD6A8EC}"/>
          </ac:cxnSpMkLst>
        </pc:cxnChg>
        <pc:cxnChg chg="del">
          <ac:chgData name="Manuel Lidauer" userId="b55e45dd-c6cc-461d-bef5-835fc172e678" providerId="ADAL" clId="{BCD0C6F6-2D95-4A66-B702-D3858BC1FC00}" dt="2019-09-26T09:01:01.189" v="85"/>
          <ac:cxnSpMkLst>
            <pc:docMk/>
            <pc:sldMk cId="1279582212" sldId="257"/>
            <ac:cxnSpMk id="43" creationId="{EE8174B6-7BF2-4944-BDB1-AB0EAD8D4094}"/>
          </ac:cxnSpMkLst>
        </pc:cxnChg>
        <pc:cxnChg chg="del">
          <ac:chgData name="Manuel Lidauer" userId="b55e45dd-c6cc-461d-bef5-835fc172e678" providerId="ADAL" clId="{BCD0C6F6-2D95-4A66-B702-D3858BC1FC00}" dt="2019-09-26T09:01:01.189" v="83"/>
          <ac:cxnSpMkLst>
            <pc:docMk/>
            <pc:sldMk cId="1279582212" sldId="257"/>
            <ac:cxnSpMk id="44" creationId="{0B99F3D1-3214-46A6-A4AD-EB4C994F323F}"/>
          </ac:cxnSpMkLst>
        </pc:cxnChg>
        <pc:cxnChg chg="del">
          <ac:chgData name="Manuel Lidauer" userId="b55e45dd-c6cc-461d-bef5-835fc172e678" providerId="ADAL" clId="{BCD0C6F6-2D95-4A66-B702-D3858BC1FC00}" dt="2019-09-26T09:01:01.188" v="81"/>
          <ac:cxnSpMkLst>
            <pc:docMk/>
            <pc:sldMk cId="1279582212" sldId="257"/>
            <ac:cxnSpMk id="45" creationId="{F09379A1-39DA-41B4-A3DE-4B7F69991EC4}"/>
          </ac:cxnSpMkLst>
        </pc:cxnChg>
        <pc:cxnChg chg="del">
          <ac:chgData name="Manuel Lidauer" userId="b55e45dd-c6cc-461d-bef5-835fc172e678" providerId="ADAL" clId="{BCD0C6F6-2D95-4A66-B702-D3858BC1FC00}" dt="2019-09-26T09:01:01.187" v="79"/>
          <ac:cxnSpMkLst>
            <pc:docMk/>
            <pc:sldMk cId="1279582212" sldId="257"/>
            <ac:cxnSpMk id="46" creationId="{FAAD093C-AA37-4B94-AD27-EF42061EF7F7}"/>
          </ac:cxnSpMkLst>
        </pc:cxnChg>
        <pc:cxnChg chg="del">
          <ac:chgData name="Manuel Lidauer" userId="b55e45dd-c6cc-461d-bef5-835fc172e678" providerId="ADAL" clId="{BCD0C6F6-2D95-4A66-B702-D3858BC1FC00}" dt="2019-09-26T09:01:01.186" v="77"/>
          <ac:cxnSpMkLst>
            <pc:docMk/>
            <pc:sldMk cId="1279582212" sldId="257"/>
            <ac:cxnSpMk id="47" creationId="{8317D61E-121A-429D-A37E-26F561863DA3}"/>
          </ac:cxnSpMkLst>
        </pc:cxnChg>
        <pc:cxnChg chg="del">
          <ac:chgData name="Manuel Lidauer" userId="b55e45dd-c6cc-461d-bef5-835fc172e678" providerId="ADAL" clId="{BCD0C6F6-2D95-4A66-B702-D3858BC1FC00}" dt="2019-09-26T09:01:01.186" v="75"/>
          <ac:cxnSpMkLst>
            <pc:docMk/>
            <pc:sldMk cId="1279582212" sldId="257"/>
            <ac:cxnSpMk id="48" creationId="{84BF8B6C-2A15-4407-A37E-E5A473D70213}"/>
          </ac:cxnSpMkLst>
        </pc:cxnChg>
        <pc:cxnChg chg="del">
          <ac:chgData name="Manuel Lidauer" userId="b55e45dd-c6cc-461d-bef5-835fc172e678" providerId="ADAL" clId="{BCD0C6F6-2D95-4A66-B702-D3858BC1FC00}" dt="2019-09-26T09:01:01.184" v="73"/>
          <ac:cxnSpMkLst>
            <pc:docMk/>
            <pc:sldMk cId="1279582212" sldId="257"/>
            <ac:cxnSpMk id="49" creationId="{5DF5217C-1865-4277-BE06-CDC4A5D65902}"/>
          </ac:cxnSpMkLst>
        </pc:cxnChg>
        <pc:cxnChg chg="del">
          <ac:chgData name="Manuel Lidauer" userId="b55e45dd-c6cc-461d-bef5-835fc172e678" providerId="ADAL" clId="{BCD0C6F6-2D95-4A66-B702-D3858BC1FC00}" dt="2019-09-26T09:01:01.184" v="71"/>
          <ac:cxnSpMkLst>
            <pc:docMk/>
            <pc:sldMk cId="1279582212" sldId="257"/>
            <ac:cxnSpMk id="50" creationId="{B1E74CFF-8A32-4D43-8880-9449E0470D7C}"/>
          </ac:cxnSpMkLst>
        </pc:cxnChg>
        <pc:cxnChg chg="del">
          <ac:chgData name="Manuel Lidauer" userId="b55e45dd-c6cc-461d-bef5-835fc172e678" providerId="ADAL" clId="{BCD0C6F6-2D95-4A66-B702-D3858BC1FC00}" dt="2019-09-26T09:01:01.183" v="69"/>
          <ac:cxnSpMkLst>
            <pc:docMk/>
            <pc:sldMk cId="1279582212" sldId="257"/>
            <ac:cxnSpMk id="51" creationId="{B15C5C63-D2AF-402A-B1BF-73E4013CDFA5}"/>
          </ac:cxnSpMkLst>
        </pc:cxnChg>
        <pc:cxnChg chg="del">
          <ac:chgData name="Manuel Lidauer" userId="b55e45dd-c6cc-461d-bef5-835fc172e678" providerId="ADAL" clId="{BCD0C6F6-2D95-4A66-B702-D3858BC1FC00}" dt="2019-09-26T09:01:01.182" v="67"/>
          <ac:cxnSpMkLst>
            <pc:docMk/>
            <pc:sldMk cId="1279582212" sldId="257"/>
            <ac:cxnSpMk id="52" creationId="{D26EFDDD-3EE6-4C0F-A442-2BB013784FB1}"/>
          </ac:cxnSpMkLst>
        </pc:cxnChg>
        <pc:cxnChg chg="del">
          <ac:chgData name="Manuel Lidauer" userId="b55e45dd-c6cc-461d-bef5-835fc172e678" providerId="ADAL" clId="{BCD0C6F6-2D95-4A66-B702-D3858BC1FC00}" dt="2019-09-26T09:01:01.182" v="65"/>
          <ac:cxnSpMkLst>
            <pc:docMk/>
            <pc:sldMk cId="1279582212" sldId="257"/>
            <ac:cxnSpMk id="53" creationId="{6564FE01-7857-4EE7-910F-770FDA65AADB}"/>
          </ac:cxnSpMkLst>
        </pc:cxnChg>
        <pc:cxnChg chg="del">
          <ac:chgData name="Manuel Lidauer" userId="b55e45dd-c6cc-461d-bef5-835fc172e678" providerId="ADAL" clId="{BCD0C6F6-2D95-4A66-B702-D3858BC1FC00}" dt="2019-09-26T09:01:01.181" v="63"/>
          <ac:cxnSpMkLst>
            <pc:docMk/>
            <pc:sldMk cId="1279582212" sldId="257"/>
            <ac:cxnSpMk id="54" creationId="{C50DA580-FE8A-4A2D-8B57-616DFA7E561F}"/>
          </ac:cxnSpMkLst>
        </pc:cxnChg>
        <pc:cxnChg chg="del">
          <ac:chgData name="Manuel Lidauer" userId="b55e45dd-c6cc-461d-bef5-835fc172e678" providerId="ADAL" clId="{BCD0C6F6-2D95-4A66-B702-D3858BC1FC00}" dt="2019-09-26T09:01:01.180" v="61"/>
          <ac:cxnSpMkLst>
            <pc:docMk/>
            <pc:sldMk cId="1279582212" sldId="257"/>
            <ac:cxnSpMk id="55" creationId="{EB542125-F972-4550-ABF7-4C39D0D0E835}"/>
          </ac:cxnSpMkLst>
        </pc:cxnChg>
        <pc:cxnChg chg="del">
          <ac:chgData name="Manuel Lidauer" userId="b55e45dd-c6cc-461d-bef5-835fc172e678" providerId="ADAL" clId="{BCD0C6F6-2D95-4A66-B702-D3858BC1FC00}" dt="2019-09-26T09:01:01.180" v="59"/>
          <ac:cxnSpMkLst>
            <pc:docMk/>
            <pc:sldMk cId="1279582212" sldId="257"/>
            <ac:cxnSpMk id="56" creationId="{1E630260-15A7-4932-8590-7AF90152E1D3}"/>
          </ac:cxnSpMkLst>
        </pc:cxnChg>
        <pc:cxnChg chg="del">
          <ac:chgData name="Manuel Lidauer" userId="b55e45dd-c6cc-461d-bef5-835fc172e678" providerId="ADAL" clId="{BCD0C6F6-2D95-4A66-B702-D3858BC1FC00}" dt="2019-09-26T09:01:01.179" v="57"/>
          <ac:cxnSpMkLst>
            <pc:docMk/>
            <pc:sldMk cId="1279582212" sldId="257"/>
            <ac:cxnSpMk id="57" creationId="{EEF8B765-B43D-418D-B8B1-544147AE50E8}"/>
          </ac:cxnSpMkLst>
        </pc:cxnChg>
        <pc:cxnChg chg="del">
          <ac:chgData name="Manuel Lidauer" userId="b55e45dd-c6cc-461d-bef5-835fc172e678" providerId="ADAL" clId="{BCD0C6F6-2D95-4A66-B702-D3858BC1FC00}" dt="2019-09-26T09:01:01.178" v="55"/>
          <ac:cxnSpMkLst>
            <pc:docMk/>
            <pc:sldMk cId="1279582212" sldId="257"/>
            <ac:cxnSpMk id="58" creationId="{A81B2EC7-E6C6-4018-A7B8-054A9FC56EF7}"/>
          </ac:cxnSpMkLst>
        </pc:cxnChg>
        <pc:cxnChg chg="del">
          <ac:chgData name="Manuel Lidauer" userId="b55e45dd-c6cc-461d-bef5-835fc172e678" providerId="ADAL" clId="{BCD0C6F6-2D95-4A66-B702-D3858BC1FC00}" dt="2019-09-26T09:01:01.178" v="53"/>
          <ac:cxnSpMkLst>
            <pc:docMk/>
            <pc:sldMk cId="1279582212" sldId="257"/>
            <ac:cxnSpMk id="59" creationId="{C4C39545-AA76-47B3-BD3D-587FE2A77C00}"/>
          </ac:cxnSpMkLst>
        </pc:cxnChg>
        <pc:cxnChg chg="del">
          <ac:chgData name="Manuel Lidauer" userId="b55e45dd-c6cc-461d-bef5-835fc172e678" providerId="ADAL" clId="{BCD0C6F6-2D95-4A66-B702-D3858BC1FC00}" dt="2019-09-26T09:01:01.177" v="51"/>
          <ac:cxnSpMkLst>
            <pc:docMk/>
            <pc:sldMk cId="1279582212" sldId="257"/>
            <ac:cxnSpMk id="60" creationId="{E5F4234E-AADF-44C3-AB24-DB20FFC1EB59}"/>
          </ac:cxnSpMkLst>
        </pc:cxnChg>
        <pc:cxnChg chg="del">
          <ac:chgData name="Manuel Lidauer" userId="b55e45dd-c6cc-461d-bef5-835fc172e678" providerId="ADAL" clId="{BCD0C6F6-2D95-4A66-B702-D3858BC1FC00}" dt="2019-09-26T09:01:01.176" v="49"/>
          <ac:cxnSpMkLst>
            <pc:docMk/>
            <pc:sldMk cId="1279582212" sldId="257"/>
            <ac:cxnSpMk id="61" creationId="{52D8F7C7-A8E4-4D74-BF72-8164FEC9E321}"/>
          </ac:cxnSpMkLst>
        </pc:cxnChg>
        <pc:cxnChg chg="del">
          <ac:chgData name="Manuel Lidauer" userId="b55e45dd-c6cc-461d-bef5-835fc172e678" providerId="ADAL" clId="{BCD0C6F6-2D95-4A66-B702-D3858BC1FC00}" dt="2019-09-26T09:01:01.176" v="47"/>
          <ac:cxnSpMkLst>
            <pc:docMk/>
            <pc:sldMk cId="1279582212" sldId="257"/>
            <ac:cxnSpMk id="62" creationId="{0EBD9724-644E-404F-869C-9B59B0648D5F}"/>
          </ac:cxnSpMkLst>
        </pc:cxnChg>
        <pc:cxnChg chg="del">
          <ac:chgData name="Manuel Lidauer" userId="b55e45dd-c6cc-461d-bef5-835fc172e678" providerId="ADAL" clId="{BCD0C6F6-2D95-4A66-B702-D3858BC1FC00}" dt="2019-09-26T09:01:01.175" v="45"/>
          <ac:cxnSpMkLst>
            <pc:docMk/>
            <pc:sldMk cId="1279582212" sldId="257"/>
            <ac:cxnSpMk id="63" creationId="{5ADF6F1A-835A-4B34-A352-F3A9F089578A}"/>
          </ac:cxnSpMkLst>
        </pc:cxnChg>
        <pc:cxnChg chg="del">
          <ac:chgData name="Manuel Lidauer" userId="b55e45dd-c6cc-461d-bef5-835fc172e678" providerId="ADAL" clId="{BCD0C6F6-2D95-4A66-B702-D3858BC1FC00}" dt="2019-09-26T09:01:01.174" v="43"/>
          <ac:cxnSpMkLst>
            <pc:docMk/>
            <pc:sldMk cId="1279582212" sldId="257"/>
            <ac:cxnSpMk id="64" creationId="{161670F2-5717-488A-9C9C-4DCC79AC5F65}"/>
          </ac:cxnSpMkLst>
        </pc:cxnChg>
        <pc:cxnChg chg="del">
          <ac:chgData name="Manuel Lidauer" userId="b55e45dd-c6cc-461d-bef5-835fc172e678" providerId="ADAL" clId="{BCD0C6F6-2D95-4A66-B702-D3858BC1FC00}" dt="2019-09-26T09:01:01.174" v="41"/>
          <ac:cxnSpMkLst>
            <pc:docMk/>
            <pc:sldMk cId="1279582212" sldId="257"/>
            <ac:cxnSpMk id="65" creationId="{A5C37C92-2E19-4068-83E7-A31502789DDD}"/>
          </ac:cxnSpMkLst>
        </pc:cxnChg>
        <pc:cxnChg chg="del">
          <ac:chgData name="Manuel Lidauer" userId="b55e45dd-c6cc-461d-bef5-835fc172e678" providerId="ADAL" clId="{BCD0C6F6-2D95-4A66-B702-D3858BC1FC00}" dt="2019-09-26T09:01:01.173" v="39"/>
          <ac:cxnSpMkLst>
            <pc:docMk/>
            <pc:sldMk cId="1279582212" sldId="257"/>
            <ac:cxnSpMk id="66" creationId="{D1179D02-6510-4D2A-BB5F-41508FC2AEDF}"/>
          </ac:cxnSpMkLst>
        </pc:cxnChg>
        <pc:cxnChg chg="del">
          <ac:chgData name="Manuel Lidauer" userId="b55e45dd-c6cc-461d-bef5-835fc172e678" providerId="ADAL" clId="{BCD0C6F6-2D95-4A66-B702-D3858BC1FC00}" dt="2019-09-26T09:01:01.172" v="37"/>
          <ac:cxnSpMkLst>
            <pc:docMk/>
            <pc:sldMk cId="1279582212" sldId="257"/>
            <ac:cxnSpMk id="67" creationId="{3FC7B8D4-DDF8-4671-AF55-E9130D38C0F9}"/>
          </ac:cxnSpMkLst>
        </pc:cxnChg>
        <pc:cxnChg chg="del">
          <ac:chgData name="Manuel Lidauer" userId="b55e45dd-c6cc-461d-bef5-835fc172e678" providerId="ADAL" clId="{BCD0C6F6-2D95-4A66-B702-D3858BC1FC00}" dt="2019-09-26T09:01:01.172" v="35"/>
          <ac:cxnSpMkLst>
            <pc:docMk/>
            <pc:sldMk cId="1279582212" sldId="257"/>
            <ac:cxnSpMk id="68" creationId="{BD8EC2FC-E426-4CE9-87E5-1158CF2ABAB6}"/>
          </ac:cxnSpMkLst>
        </pc:cxnChg>
        <pc:cxnChg chg="del">
          <ac:chgData name="Manuel Lidauer" userId="b55e45dd-c6cc-461d-bef5-835fc172e678" providerId="ADAL" clId="{BCD0C6F6-2D95-4A66-B702-D3858BC1FC00}" dt="2019-09-26T09:01:01.172" v="33"/>
          <ac:cxnSpMkLst>
            <pc:docMk/>
            <pc:sldMk cId="1279582212" sldId="257"/>
            <ac:cxnSpMk id="69" creationId="{FFFCBB82-7E16-4AA1-8A59-839D0434B1B8}"/>
          </ac:cxnSpMkLst>
        </pc:cxnChg>
        <pc:cxnChg chg="del">
          <ac:chgData name="Manuel Lidauer" userId="b55e45dd-c6cc-461d-bef5-835fc172e678" providerId="ADAL" clId="{BCD0C6F6-2D95-4A66-B702-D3858BC1FC00}" dt="2019-09-26T09:01:01.170" v="31"/>
          <ac:cxnSpMkLst>
            <pc:docMk/>
            <pc:sldMk cId="1279582212" sldId="257"/>
            <ac:cxnSpMk id="70" creationId="{EE6AABCF-B44D-4437-BB2B-2F5DCD3F4F78}"/>
          </ac:cxnSpMkLst>
        </pc:cxnChg>
        <pc:cxnChg chg="del">
          <ac:chgData name="Manuel Lidauer" userId="b55e45dd-c6cc-461d-bef5-835fc172e678" providerId="ADAL" clId="{BCD0C6F6-2D95-4A66-B702-D3858BC1FC00}" dt="2019-09-26T09:01:01.170" v="29"/>
          <ac:cxnSpMkLst>
            <pc:docMk/>
            <pc:sldMk cId="1279582212" sldId="257"/>
            <ac:cxnSpMk id="71" creationId="{A80E2049-94FE-4D76-8507-4D1D275DDCC5}"/>
          </ac:cxnSpMkLst>
        </pc:cxnChg>
        <pc:cxnChg chg="del">
          <ac:chgData name="Manuel Lidauer" userId="b55e45dd-c6cc-461d-bef5-835fc172e678" providerId="ADAL" clId="{BCD0C6F6-2D95-4A66-B702-D3858BC1FC00}" dt="2019-09-26T09:01:01.169" v="27"/>
          <ac:cxnSpMkLst>
            <pc:docMk/>
            <pc:sldMk cId="1279582212" sldId="257"/>
            <ac:cxnSpMk id="72" creationId="{1F59CEBB-BCD2-4AC4-8936-D80E2D7BAEDA}"/>
          </ac:cxnSpMkLst>
        </pc:cxnChg>
        <pc:cxnChg chg="del">
          <ac:chgData name="Manuel Lidauer" userId="b55e45dd-c6cc-461d-bef5-835fc172e678" providerId="ADAL" clId="{BCD0C6F6-2D95-4A66-B702-D3858BC1FC00}" dt="2019-09-26T09:01:01.168" v="25"/>
          <ac:cxnSpMkLst>
            <pc:docMk/>
            <pc:sldMk cId="1279582212" sldId="257"/>
            <ac:cxnSpMk id="73" creationId="{3AEC68B6-79F7-4C30-8D5B-2C49F2AB7186}"/>
          </ac:cxnSpMkLst>
        </pc:cxnChg>
        <pc:cxnChg chg="del">
          <ac:chgData name="Manuel Lidauer" userId="b55e45dd-c6cc-461d-bef5-835fc172e678" providerId="ADAL" clId="{BCD0C6F6-2D95-4A66-B702-D3858BC1FC00}" dt="2019-09-26T09:01:01.168" v="23"/>
          <ac:cxnSpMkLst>
            <pc:docMk/>
            <pc:sldMk cId="1279582212" sldId="257"/>
            <ac:cxnSpMk id="74" creationId="{F36F2B44-96FE-4B3E-9716-C3160D621615}"/>
          </ac:cxnSpMkLst>
        </pc:cxnChg>
        <pc:cxnChg chg="del">
          <ac:chgData name="Manuel Lidauer" userId="b55e45dd-c6cc-461d-bef5-835fc172e678" providerId="ADAL" clId="{BCD0C6F6-2D95-4A66-B702-D3858BC1FC00}" dt="2019-09-26T09:01:01.167" v="21"/>
          <ac:cxnSpMkLst>
            <pc:docMk/>
            <pc:sldMk cId="1279582212" sldId="257"/>
            <ac:cxnSpMk id="75" creationId="{9CD24846-5D77-4591-9082-6B9C15810978}"/>
          </ac:cxnSpMkLst>
        </pc:cxnChg>
        <pc:cxnChg chg="del">
          <ac:chgData name="Manuel Lidauer" userId="b55e45dd-c6cc-461d-bef5-835fc172e678" providerId="ADAL" clId="{BCD0C6F6-2D95-4A66-B702-D3858BC1FC00}" dt="2019-09-26T09:01:01.166" v="19"/>
          <ac:cxnSpMkLst>
            <pc:docMk/>
            <pc:sldMk cId="1279582212" sldId="257"/>
            <ac:cxnSpMk id="76" creationId="{14BBE469-D5E0-4249-8AE3-6C7518A14879}"/>
          </ac:cxnSpMkLst>
        </pc:cxnChg>
        <pc:cxnChg chg="del">
          <ac:chgData name="Manuel Lidauer" userId="b55e45dd-c6cc-461d-bef5-835fc172e678" providerId="ADAL" clId="{BCD0C6F6-2D95-4A66-B702-D3858BC1FC00}" dt="2019-09-26T09:01:01.166" v="17"/>
          <ac:cxnSpMkLst>
            <pc:docMk/>
            <pc:sldMk cId="1279582212" sldId="257"/>
            <ac:cxnSpMk id="77" creationId="{706F0FEB-D07A-4349-9DB1-1EBB2DA266A5}"/>
          </ac:cxnSpMkLst>
        </pc:cxnChg>
        <pc:cxnChg chg="del">
          <ac:chgData name="Manuel Lidauer" userId="b55e45dd-c6cc-461d-bef5-835fc172e678" providerId="ADAL" clId="{BCD0C6F6-2D95-4A66-B702-D3858BC1FC00}" dt="2019-09-26T09:01:01.165" v="15"/>
          <ac:cxnSpMkLst>
            <pc:docMk/>
            <pc:sldMk cId="1279582212" sldId="257"/>
            <ac:cxnSpMk id="78" creationId="{A9905698-1E4C-409E-91FC-7C796B4DA6A0}"/>
          </ac:cxnSpMkLst>
        </pc:cxnChg>
        <pc:cxnChg chg="del">
          <ac:chgData name="Manuel Lidauer" userId="b55e45dd-c6cc-461d-bef5-835fc172e678" providerId="ADAL" clId="{BCD0C6F6-2D95-4A66-B702-D3858BC1FC00}" dt="2019-09-26T09:01:01.164" v="13"/>
          <ac:cxnSpMkLst>
            <pc:docMk/>
            <pc:sldMk cId="1279582212" sldId="257"/>
            <ac:cxnSpMk id="79" creationId="{8EB64E1C-3ED5-4DE7-B8ED-D9E83566C1A4}"/>
          </ac:cxnSpMkLst>
        </pc:cxnChg>
        <pc:cxnChg chg="del">
          <ac:chgData name="Manuel Lidauer" userId="b55e45dd-c6cc-461d-bef5-835fc172e678" providerId="ADAL" clId="{BCD0C6F6-2D95-4A66-B702-D3858BC1FC00}" dt="2019-09-26T09:01:01.163" v="11"/>
          <ac:cxnSpMkLst>
            <pc:docMk/>
            <pc:sldMk cId="1279582212" sldId="257"/>
            <ac:cxnSpMk id="80" creationId="{549B6CDA-4DD5-4681-98DD-15F6E4AF016D}"/>
          </ac:cxnSpMkLst>
        </pc:cxnChg>
        <pc:cxnChg chg="del">
          <ac:chgData name="Manuel Lidauer" userId="b55e45dd-c6cc-461d-bef5-835fc172e678" providerId="ADAL" clId="{BCD0C6F6-2D95-4A66-B702-D3858BC1FC00}" dt="2019-09-26T09:01:01.163" v="9"/>
          <ac:cxnSpMkLst>
            <pc:docMk/>
            <pc:sldMk cId="1279582212" sldId="257"/>
            <ac:cxnSpMk id="81" creationId="{CD876B12-5146-4612-88BB-DD16CFDC77DA}"/>
          </ac:cxnSpMkLst>
        </pc:cxnChg>
        <pc:cxnChg chg="del">
          <ac:chgData name="Manuel Lidauer" userId="b55e45dd-c6cc-461d-bef5-835fc172e678" providerId="ADAL" clId="{BCD0C6F6-2D95-4A66-B702-D3858BC1FC00}" dt="2019-09-26T09:01:01.162" v="7"/>
          <ac:cxnSpMkLst>
            <pc:docMk/>
            <pc:sldMk cId="1279582212" sldId="257"/>
            <ac:cxnSpMk id="82" creationId="{968960F8-4A22-4304-9579-2BE975077176}"/>
          </ac:cxnSpMkLst>
        </pc:cxnChg>
        <pc:cxnChg chg="del">
          <ac:chgData name="Manuel Lidauer" userId="b55e45dd-c6cc-461d-bef5-835fc172e678" providerId="ADAL" clId="{BCD0C6F6-2D95-4A66-B702-D3858BC1FC00}" dt="2019-09-26T09:01:01.161" v="5"/>
          <ac:cxnSpMkLst>
            <pc:docMk/>
            <pc:sldMk cId="1279582212" sldId="257"/>
            <ac:cxnSpMk id="83" creationId="{52E6FE76-CFF8-474A-9153-2C2BD8292372}"/>
          </ac:cxnSpMkLst>
        </pc:cxnChg>
        <pc:cxnChg chg="del">
          <ac:chgData name="Manuel Lidauer" userId="b55e45dd-c6cc-461d-bef5-835fc172e678" providerId="ADAL" clId="{BCD0C6F6-2D95-4A66-B702-D3858BC1FC00}" dt="2019-09-26T09:01:01.161" v="3"/>
          <ac:cxnSpMkLst>
            <pc:docMk/>
            <pc:sldMk cId="1279582212" sldId="257"/>
            <ac:cxnSpMk id="84" creationId="{F4643D7E-61A4-4883-A8E1-FF02AC210908}"/>
          </ac:cxnSpMkLst>
        </pc:cxnChg>
        <pc:cxnChg chg="del">
          <ac:chgData name="Manuel Lidauer" userId="b55e45dd-c6cc-461d-bef5-835fc172e678" providerId="ADAL" clId="{BCD0C6F6-2D95-4A66-B702-D3858BC1FC00}" dt="2019-09-26T09:01:01.160" v="1"/>
          <ac:cxnSpMkLst>
            <pc:docMk/>
            <pc:sldMk cId="1279582212" sldId="257"/>
            <ac:cxnSpMk id="85" creationId="{9DD6B74F-E082-4B81-AC8A-02424380D151}"/>
          </ac:cxnSpMkLst>
        </pc:cxnChg>
        <pc:cxnChg chg="add del mod">
          <ac:chgData name="Manuel Lidauer" userId="b55e45dd-c6cc-461d-bef5-835fc172e678" providerId="ADAL" clId="{BCD0C6F6-2D95-4A66-B702-D3858BC1FC00}" dt="2019-09-26T09:33:58.640" v="12460"/>
          <ac:cxnSpMkLst>
            <pc:docMk/>
            <pc:sldMk cId="1279582212" sldId="257"/>
            <ac:cxnSpMk id="383" creationId="{D76168A7-7C1E-4C1B-AAE4-2B4DB50E00B5}"/>
          </ac:cxnSpMkLst>
        </pc:cxnChg>
        <pc:cxnChg chg="add del mod">
          <ac:chgData name="Manuel Lidauer" userId="b55e45dd-c6cc-461d-bef5-835fc172e678" providerId="ADAL" clId="{BCD0C6F6-2D95-4A66-B702-D3858BC1FC00}" dt="2019-09-26T09:33:58.641" v="12464"/>
          <ac:cxnSpMkLst>
            <pc:docMk/>
            <pc:sldMk cId="1279582212" sldId="257"/>
            <ac:cxnSpMk id="385" creationId="{84395670-7252-4E69-B611-9E2ADF663A44}"/>
          </ac:cxnSpMkLst>
        </pc:cxnChg>
        <pc:cxnChg chg="add del mod ord modVis">
          <ac:chgData name="Manuel Lidauer" userId="b55e45dd-c6cc-461d-bef5-835fc172e678" providerId="ADAL" clId="{BCD0C6F6-2D95-4A66-B702-D3858BC1FC00}" dt="2019-09-26T09:33:58.634" v="12447"/>
          <ac:cxnSpMkLst>
            <pc:docMk/>
            <pc:sldMk cId="1279582212" sldId="257"/>
            <ac:cxnSpMk id="387" creationId="{A9AFDD29-698D-4345-A497-CB0D490B389A}"/>
          </ac:cxnSpMkLst>
        </pc:cxnChg>
        <pc:cxnChg chg="add del mod ord modVis">
          <ac:chgData name="Manuel Lidauer" userId="b55e45dd-c6cc-461d-bef5-835fc172e678" providerId="ADAL" clId="{BCD0C6F6-2D95-4A66-B702-D3858BC1FC00}" dt="2019-09-26T09:33:58.633" v="12445"/>
          <ac:cxnSpMkLst>
            <pc:docMk/>
            <pc:sldMk cId="1279582212" sldId="257"/>
            <ac:cxnSpMk id="388" creationId="{D03C7731-FA86-4D59-84BF-EB6AAC11044D}"/>
          </ac:cxnSpMkLst>
        </pc:cxnChg>
        <pc:cxnChg chg="add del mod ord modVis">
          <ac:chgData name="Manuel Lidauer" userId="b55e45dd-c6cc-461d-bef5-835fc172e678" providerId="ADAL" clId="{BCD0C6F6-2D95-4A66-B702-D3858BC1FC00}" dt="2019-09-26T09:33:58.632" v="12443"/>
          <ac:cxnSpMkLst>
            <pc:docMk/>
            <pc:sldMk cId="1279582212" sldId="257"/>
            <ac:cxnSpMk id="389" creationId="{00B4A253-D617-4DB6-A574-70231547E368}"/>
          </ac:cxnSpMkLst>
        </pc:cxnChg>
        <pc:cxnChg chg="add del mod ord modVis">
          <ac:chgData name="Manuel Lidauer" userId="b55e45dd-c6cc-461d-bef5-835fc172e678" providerId="ADAL" clId="{BCD0C6F6-2D95-4A66-B702-D3858BC1FC00}" dt="2019-09-26T09:33:58.631" v="12441"/>
          <ac:cxnSpMkLst>
            <pc:docMk/>
            <pc:sldMk cId="1279582212" sldId="257"/>
            <ac:cxnSpMk id="390" creationId="{B02B12AA-27D5-41ED-B15E-CF400CBE6D27}"/>
          </ac:cxnSpMkLst>
        </pc:cxnChg>
        <pc:cxnChg chg="add del mod ord modVis">
          <ac:chgData name="Manuel Lidauer" userId="b55e45dd-c6cc-461d-bef5-835fc172e678" providerId="ADAL" clId="{BCD0C6F6-2D95-4A66-B702-D3858BC1FC00}" dt="2019-09-26T09:33:58.631" v="12439"/>
          <ac:cxnSpMkLst>
            <pc:docMk/>
            <pc:sldMk cId="1279582212" sldId="257"/>
            <ac:cxnSpMk id="391" creationId="{1E68DDDC-2260-4AC9-A6C7-2955BED38078}"/>
          </ac:cxnSpMkLst>
        </pc:cxnChg>
        <pc:cxnChg chg="add del mod ord modVis">
          <ac:chgData name="Manuel Lidauer" userId="b55e45dd-c6cc-461d-bef5-835fc172e678" providerId="ADAL" clId="{BCD0C6F6-2D95-4A66-B702-D3858BC1FC00}" dt="2019-09-26T09:33:58.630" v="12437"/>
          <ac:cxnSpMkLst>
            <pc:docMk/>
            <pc:sldMk cId="1279582212" sldId="257"/>
            <ac:cxnSpMk id="392" creationId="{38BAEE2E-636C-4E08-A99C-B5BD78E20892}"/>
          </ac:cxnSpMkLst>
        </pc:cxnChg>
        <pc:cxnChg chg="add del mod ord modVis">
          <ac:chgData name="Manuel Lidauer" userId="b55e45dd-c6cc-461d-bef5-835fc172e678" providerId="ADAL" clId="{BCD0C6F6-2D95-4A66-B702-D3858BC1FC00}" dt="2019-09-26T09:33:58.629" v="12435"/>
          <ac:cxnSpMkLst>
            <pc:docMk/>
            <pc:sldMk cId="1279582212" sldId="257"/>
            <ac:cxnSpMk id="393" creationId="{682504C0-0DAD-465D-BA74-75A5CE7A0DE2}"/>
          </ac:cxnSpMkLst>
        </pc:cxnChg>
        <pc:cxnChg chg="add del mod ord modVis">
          <ac:chgData name="Manuel Lidauer" userId="b55e45dd-c6cc-461d-bef5-835fc172e678" providerId="ADAL" clId="{BCD0C6F6-2D95-4A66-B702-D3858BC1FC00}" dt="2019-09-26T09:33:58.629" v="12433"/>
          <ac:cxnSpMkLst>
            <pc:docMk/>
            <pc:sldMk cId="1279582212" sldId="257"/>
            <ac:cxnSpMk id="394" creationId="{33D0A535-C7DA-4724-A5B5-90A5099B0546}"/>
          </ac:cxnSpMkLst>
        </pc:cxnChg>
        <pc:cxnChg chg="add del mod ord modVis">
          <ac:chgData name="Manuel Lidauer" userId="b55e45dd-c6cc-461d-bef5-835fc172e678" providerId="ADAL" clId="{BCD0C6F6-2D95-4A66-B702-D3858BC1FC00}" dt="2019-09-26T09:33:58.628" v="12431"/>
          <ac:cxnSpMkLst>
            <pc:docMk/>
            <pc:sldMk cId="1279582212" sldId="257"/>
            <ac:cxnSpMk id="395" creationId="{071EF64A-C2D1-481E-8869-A05C19576465}"/>
          </ac:cxnSpMkLst>
        </pc:cxnChg>
        <pc:cxnChg chg="add del mod ord modVis">
          <ac:chgData name="Manuel Lidauer" userId="b55e45dd-c6cc-461d-bef5-835fc172e678" providerId="ADAL" clId="{BCD0C6F6-2D95-4A66-B702-D3858BC1FC00}" dt="2019-09-26T09:33:58.627" v="12429"/>
          <ac:cxnSpMkLst>
            <pc:docMk/>
            <pc:sldMk cId="1279582212" sldId="257"/>
            <ac:cxnSpMk id="396" creationId="{A2A68B31-C64D-4CA4-9421-95B50BA4F17C}"/>
          </ac:cxnSpMkLst>
        </pc:cxnChg>
        <pc:cxnChg chg="add del mod ord modVis">
          <ac:chgData name="Manuel Lidauer" userId="b55e45dd-c6cc-461d-bef5-835fc172e678" providerId="ADAL" clId="{BCD0C6F6-2D95-4A66-B702-D3858BC1FC00}" dt="2019-09-26T09:33:58.627" v="12427"/>
          <ac:cxnSpMkLst>
            <pc:docMk/>
            <pc:sldMk cId="1279582212" sldId="257"/>
            <ac:cxnSpMk id="397" creationId="{DE6DF840-F403-4DA0-AA84-35D4B7345D43}"/>
          </ac:cxnSpMkLst>
        </pc:cxnChg>
        <pc:cxnChg chg="add del mod ord modVis">
          <ac:chgData name="Manuel Lidauer" userId="b55e45dd-c6cc-461d-bef5-835fc172e678" providerId="ADAL" clId="{BCD0C6F6-2D95-4A66-B702-D3858BC1FC00}" dt="2019-09-26T09:33:58.626" v="12425"/>
          <ac:cxnSpMkLst>
            <pc:docMk/>
            <pc:sldMk cId="1279582212" sldId="257"/>
            <ac:cxnSpMk id="398" creationId="{03F0C019-994B-4EB8-976B-22DA021B9072}"/>
          </ac:cxnSpMkLst>
        </pc:cxnChg>
        <pc:cxnChg chg="add del mod ord modVis">
          <ac:chgData name="Manuel Lidauer" userId="b55e45dd-c6cc-461d-bef5-835fc172e678" providerId="ADAL" clId="{BCD0C6F6-2D95-4A66-B702-D3858BC1FC00}" dt="2019-09-26T09:33:58.625" v="12423"/>
          <ac:cxnSpMkLst>
            <pc:docMk/>
            <pc:sldMk cId="1279582212" sldId="257"/>
            <ac:cxnSpMk id="399" creationId="{CE252897-BB33-4537-B68E-114F6420FE3F}"/>
          </ac:cxnSpMkLst>
        </pc:cxnChg>
        <pc:cxnChg chg="add del mod ord modVis">
          <ac:chgData name="Manuel Lidauer" userId="b55e45dd-c6cc-461d-bef5-835fc172e678" providerId="ADAL" clId="{BCD0C6F6-2D95-4A66-B702-D3858BC1FC00}" dt="2019-09-26T09:33:58.625" v="12421"/>
          <ac:cxnSpMkLst>
            <pc:docMk/>
            <pc:sldMk cId="1279582212" sldId="257"/>
            <ac:cxnSpMk id="400" creationId="{B476430E-D517-47FB-81FA-5C7771372566}"/>
          </ac:cxnSpMkLst>
        </pc:cxnChg>
        <pc:cxnChg chg="add del mod ord modVis">
          <ac:chgData name="Manuel Lidauer" userId="b55e45dd-c6cc-461d-bef5-835fc172e678" providerId="ADAL" clId="{BCD0C6F6-2D95-4A66-B702-D3858BC1FC00}" dt="2019-09-26T09:33:58.624" v="12419"/>
          <ac:cxnSpMkLst>
            <pc:docMk/>
            <pc:sldMk cId="1279582212" sldId="257"/>
            <ac:cxnSpMk id="401" creationId="{E24B7875-42FB-477C-8FB9-F69430C15FED}"/>
          </ac:cxnSpMkLst>
        </pc:cxnChg>
        <pc:cxnChg chg="add del mod ord modVis">
          <ac:chgData name="Manuel Lidauer" userId="b55e45dd-c6cc-461d-bef5-835fc172e678" providerId="ADAL" clId="{BCD0C6F6-2D95-4A66-B702-D3858BC1FC00}" dt="2019-09-26T09:33:58.623" v="12417"/>
          <ac:cxnSpMkLst>
            <pc:docMk/>
            <pc:sldMk cId="1279582212" sldId="257"/>
            <ac:cxnSpMk id="402" creationId="{3A47F18B-5701-4D42-95F6-64AF5D3B5FAE}"/>
          </ac:cxnSpMkLst>
        </pc:cxnChg>
        <pc:cxnChg chg="add del mod ord modVis">
          <ac:chgData name="Manuel Lidauer" userId="b55e45dd-c6cc-461d-bef5-835fc172e678" providerId="ADAL" clId="{BCD0C6F6-2D95-4A66-B702-D3858BC1FC00}" dt="2019-09-26T09:33:58.622" v="12415"/>
          <ac:cxnSpMkLst>
            <pc:docMk/>
            <pc:sldMk cId="1279582212" sldId="257"/>
            <ac:cxnSpMk id="403" creationId="{6A02A844-4C5C-4D11-8747-1DF801C8AEF4}"/>
          </ac:cxnSpMkLst>
        </pc:cxnChg>
        <pc:cxnChg chg="add del mod ord modVis">
          <ac:chgData name="Manuel Lidauer" userId="b55e45dd-c6cc-461d-bef5-835fc172e678" providerId="ADAL" clId="{BCD0C6F6-2D95-4A66-B702-D3858BC1FC00}" dt="2019-09-26T09:33:58.622" v="12413"/>
          <ac:cxnSpMkLst>
            <pc:docMk/>
            <pc:sldMk cId="1279582212" sldId="257"/>
            <ac:cxnSpMk id="404" creationId="{26F0F513-06D1-4305-808C-129164D448A4}"/>
          </ac:cxnSpMkLst>
        </pc:cxnChg>
        <pc:cxnChg chg="add del mod ord modVis">
          <ac:chgData name="Manuel Lidauer" userId="b55e45dd-c6cc-461d-bef5-835fc172e678" providerId="ADAL" clId="{BCD0C6F6-2D95-4A66-B702-D3858BC1FC00}" dt="2019-09-26T09:33:58.621" v="12411"/>
          <ac:cxnSpMkLst>
            <pc:docMk/>
            <pc:sldMk cId="1279582212" sldId="257"/>
            <ac:cxnSpMk id="405" creationId="{870C7F28-AECC-4DA4-821D-CA87FA19362B}"/>
          </ac:cxnSpMkLst>
        </pc:cxnChg>
        <pc:cxnChg chg="add del mod ord modVis">
          <ac:chgData name="Manuel Lidauer" userId="b55e45dd-c6cc-461d-bef5-835fc172e678" providerId="ADAL" clId="{BCD0C6F6-2D95-4A66-B702-D3858BC1FC00}" dt="2019-09-26T09:33:58.620" v="12409"/>
          <ac:cxnSpMkLst>
            <pc:docMk/>
            <pc:sldMk cId="1279582212" sldId="257"/>
            <ac:cxnSpMk id="406" creationId="{F3895FE4-F0A7-45D5-9D1B-954995AFA2E7}"/>
          </ac:cxnSpMkLst>
        </pc:cxnChg>
        <pc:cxnChg chg="add del mod ord modVis">
          <ac:chgData name="Manuel Lidauer" userId="b55e45dd-c6cc-461d-bef5-835fc172e678" providerId="ADAL" clId="{BCD0C6F6-2D95-4A66-B702-D3858BC1FC00}" dt="2019-09-26T09:33:58.620" v="12407"/>
          <ac:cxnSpMkLst>
            <pc:docMk/>
            <pc:sldMk cId="1279582212" sldId="257"/>
            <ac:cxnSpMk id="407" creationId="{11CD6D27-02C3-4A54-A6D0-12A8150CB428}"/>
          </ac:cxnSpMkLst>
        </pc:cxnChg>
        <pc:cxnChg chg="add del mod ord modVis">
          <ac:chgData name="Manuel Lidauer" userId="b55e45dd-c6cc-461d-bef5-835fc172e678" providerId="ADAL" clId="{BCD0C6F6-2D95-4A66-B702-D3858BC1FC00}" dt="2019-09-26T09:33:58.619" v="12405"/>
          <ac:cxnSpMkLst>
            <pc:docMk/>
            <pc:sldMk cId="1279582212" sldId="257"/>
            <ac:cxnSpMk id="408" creationId="{B8D7705D-AFCC-4E15-89A0-1F7900C2A8F6}"/>
          </ac:cxnSpMkLst>
        </pc:cxnChg>
        <pc:cxnChg chg="add del mod ord modVis">
          <ac:chgData name="Manuel Lidauer" userId="b55e45dd-c6cc-461d-bef5-835fc172e678" providerId="ADAL" clId="{BCD0C6F6-2D95-4A66-B702-D3858BC1FC00}" dt="2019-09-26T09:33:58.618" v="12403"/>
          <ac:cxnSpMkLst>
            <pc:docMk/>
            <pc:sldMk cId="1279582212" sldId="257"/>
            <ac:cxnSpMk id="409" creationId="{6BD444E0-9689-4E3C-A4D1-403468419A36}"/>
          </ac:cxnSpMkLst>
        </pc:cxnChg>
        <pc:cxnChg chg="add del mod ord modVis">
          <ac:chgData name="Manuel Lidauer" userId="b55e45dd-c6cc-461d-bef5-835fc172e678" providerId="ADAL" clId="{BCD0C6F6-2D95-4A66-B702-D3858BC1FC00}" dt="2019-09-26T09:33:58.617" v="12401"/>
          <ac:cxnSpMkLst>
            <pc:docMk/>
            <pc:sldMk cId="1279582212" sldId="257"/>
            <ac:cxnSpMk id="410" creationId="{B8046B1E-7554-4EE0-81CC-37398C221536}"/>
          </ac:cxnSpMkLst>
        </pc:cxnChg>
        <pc:cxnChg chg="add del mod ord modVis">
          <ac:chgData name="Manuel Lidauer" userId="b55e45dd-c6cc-461d-bef5-835fc172e678" providerId="ADAL" clId="{BCD0C6F6-2D95-4A66-B702-D3858BC1FC00}" dt="2019-09-26T09:33:58.616" v="12399"/>
          <ac:cxnSpMkLst>
            <pc:docMk/>
            <pc:sldMk cId="1279582212" sldId="257"/>
            <ac:cxnSpMk id="411" creationId="{C2DC6534-7DF9-45CB-A81B-D5BA62B49E85}"/>
          </ac:cxnSpMkLst>
        </pc:cxnChg>
        <pc:cxnChg chg="add del mod ord modVis">
          <ac:chgData name="Manuel Lidauer" userId="b55e45dd-c6cc-461d-bef5-835fc172e678" providerId="ADAL" clId="{BCD0C6F6-2D95-4A66-B702-D3858BC1FC00}" dt="2019-09-26T09:33:58.615" v="12397"/>
          <ac:cxnSpMkLst>
            <pc:docMk/>
            <pc:sldMk cId="1279582212" sldId="257"/>
            <ac:cxnSpMk id="412" creationId="{AB762EB2-6636-4422-AC6A-44CDFD8C5128}"/>
          </ac:cxnSpMkLst>
        </pc:cxnChg>
        <pc:cxnChg chg="add del mod ord modVis">
          <ac:chgData name="Manuel Lidauer" userId="b55e45dd-c6cc-461d-bef5-835fc172e678" providerId="ADAL" clId="{BCD0C6F6-2D95-4A66-B702-D3858BC1FC00}" dt="2019-09-26T09:33:58.614" v="12395"/>
          <ac:cxnSpMkLst>
            <pc:docMk/>
            <pc:sldMk cId="1279582212" sldId="257"/>
            <ac:cxnSpMk id="413" creationId="{5852C5DF-626E-4961-A0E9-2D127E3F20D3}"/>
          </ac:cxnSpMkLst>
        </pc:cxnChg>
        <pc:cxnChg chg="add del mod ord modVis">
          <ac:chgData name="Manuel Lidauer" userId="b55e45dd-c6cc-461d-bef5-835fc172e678" providerId="ADAL" clId="{BCD0C6F6-2D95-4A66-B702-D3858BC1FC00}" dt="2019-09-26T09:33:58.614" v="12393"/>
          <ac:cxnSpMkLst>
            <pc:docMk/>
            <pc:sldMk cId="1279582212" sldId="257"/>
            <ac:cxnSpMk id="414" creationId="{150057CB-824D-4072-BF68-1083B3A61EC5}"/>
          </ac:cxnSpMkLst>
        </pc:cxnChg>
        <pc:cxnChg chg="add del mod ord modVis">
          <ac:chgData name="Manuel Lidauer" userId="b55e45dd-c6cc-461d-bef5-835fc172e678" providerId="ADAL" clId="{BCD0C6F6-2D95-4A66-B702-D3858BC1FC00}" dt="2019-09-26T09:33:58.613" v="12391"/>
          <ac:cxnSpMkLst>
            <pc:docMk/>
            <pc:sldMk cId="1279582212" sldId="257"/>
            <ac:cxnSpMk id="415" creationId="{1F008CEA-45D0-4223-9936-0FD5B6C433B4}"/>
          </ac:cxnSpMkLst>
        </pc:cxnChg>
        <pc:cxnChg chg="add del mod ord modVis">
          <ac:chgData name="Manuel Lidauer" userId="b55e45dd-c6cc-461d-bef5-835fc172e678" providerId="ADAL" clId="{BCD0C6F6-2D95-4A66-B702-D3858BC1FC00}" dt="2019-09-26T09:33:58.612" v="12389"/>
          <ac:cxnSpMkLst>
            <pc:docMk/>
            <pc:sldMk cId="1279582212" sldId="257"/>
            <ac:cxnSpMk id="416" creationId="{2FED1AE2-8DAB-42D9-9914-F775E25507FC}"/>
          </ac:cxnSpMkLst>
        </pc:cxnChg>
        <pc:cxnChg chg="add del mod ord modVis">
          <ac:chgData name="Manuel Lidauer" userId="b55e45dd-c6cc-461d-bef5-835fc172e678" providerId="ADAL" clId="{BCD0C6F6-2D95-4A66-B702-D3858BC1FC00}" dt="2019-09-26T09:33:58.612" v="12387"/>
          <ac:cxnSpMkLst>
            <pc:docMk/>
            <pc:sldMk cId="1279582212" sldId="257"/>
            <ac:cxnSpMk id="417" creationId="{12993FA5-786E-4479-9128-FE219BEC2888}"/>
          </ac:cxnSpMkLst>
        </pc:cxnChg>
        <pc:cxnChg chg="add del mod ord modVis">
          <ac:chgData name="Manuel Lidauer" userId="b55e45dd-c6cc-461d-bef5-835fc172e678" providerId="ADAL" clId="{BCD0C6F6-2D95-4A66-B702-D3858BC1FC00}" dt="2019-09-26T09:33:58.611" v="12385"/>
          <ac:cxnSpMkLst>
            <pc:docMk/>
            <pc:sldMk cId="1279582212" sldId="257"/>
            <ac:cxnSpMk id="418" creationId="{30EFA0E1-BB30-462B-832F-CE3EA615872F}"/>
          </ac:cxnSpMkLst>
        </pc:cxnChg>
        <pc:cxnChg chg="add del mod ord modVis">
          <ac:chgData name="Manuel Lidauer" userId="b55e45dd-c6cc-461d-bef5-835fc172e678" providerId="ADAL" clId="{BCD0C6F6-2D95-4A66-B702-D3858BC1FC00}" dt="2019-09-26T09:33:58.610" v="12383"/>
          <ac:cxnSpMkLst>
            <pc:docMk/>
            <pc:sldMk cId="1279582212" sldId="257"/>
            <ac:cxnSpMk id="419" creationId="{73C1B1F1-6145-4E87-8C35-561552994A1D}"/>
          </ac:cxnSpMkLst>
        </pc:cxnChg>
        <pc:cxnChg chg="add del mod ord modVis">
          <ac:chgData name="Manuel Lidauer" userId="b55e45dd-c6cc-461d-bef5-835fc172e678" providerId="ADAL" clId="{BCD0C6F6-2D95-4A66-B702-D3858BC1FC00}" dt="2019-09-26T09:33:58.610" v="12381"/>
          <ac:cxnSpMkLst>
            <pc:docMk/>
            <pc:sldMk cId="1279582212" sldId="257"/>
            <ac:cxnSpMk id="420" creationId="{0965AA37-459F-4B55-95DB-965001062E62}"/>
          </ac:cxnSpMkLst>
        </pc:cxnChg>
        <pc:cxnChg chg="add del mod ord modVis">
          <ac:chgData name="Manuel Lidauer" userId="b55e45dd-c6cc-461d-bef5-835fc172e678" providerId="ADAL" clId="{BCD0C6F6-2D95-4A66-B702-D3858BC1FC00}" dt="2019-09-26T09:33:58.609" v="12379"/>
          <ac:cxnSpMkLst>
            <pc:docMk/>
            <pc:sldMk cId="1279582212" sldId="257"/>
            <ac:cxnSpMk id="421" creationId="{1EE4DFBF-CCE9-48BC-BA98-C3342C68D178}"/>
          </ac:cxnSpMkLst>
        </pc:cxnChg>
        <pc:cxnChg chg="add del mod ord modVis">
          <ac:chgData name="Manuel Lidauer" userId="b55e45dd-c6cc-461d-bef5-835fc172e678" providerId="ADAL" clId="{BCD0C6F6-2D95-4A66-B702-D3858BC1FC00}" dt="2019-09-26T09:33:58.608" v="12377"/>
          <ac:cxnSpMkLst>
            <pc:docMk/>
            <pc:sldMk cId="1279582212" sldId="257"/>
            <ac:cxnSpMk id="422" creationId="{868B6AA1-0CB8-4437-B649-F0A027DEC538}"/>
          </ac:cxnSpMkLst>
        </pc:cxnChg>
        <pc:cxnChg chg="add del mod ord modVis">
          <ac:chgData name="Manuel Lidauer" userId="b55e45dd-c6cc-461d-bef5-835fc172e678" providerId="ADAL" clId="{BCD0C6F6-2D95-4A66-B702-D3858BC1FC00}" dt="2019-09-26T09:33:58.608" v="12375"/>
          <ac:cxnSpMkLst>
            <pc:docMk/>
            <pc:sldMk cId="1279582212" sldId="257"/>
            <ac:cxnSpMk id="423" creationId="{1B769A63-6723-4D5E-A371-20AB3237FED6}"/>
          </ac:cxnSpMkLst>
        </pc:cxnChg>
        <pc:cxnChg chg="add del mod ord modVis">
          <ac:chgData name="Manuel Lidauer" userId="b55e45dd-c6cc-461d-bef5-835fc172e678" providerId="ADAL" clId="{BCD0C6F6-2D95-4A66-B702-D3858BC1FC00}" dt="2019-09-26T09:33:58.607" v="12373"/>
          <ac:cxnSpMkLst>
            <pc:docMk/>
            <pc:sldMk cId="1279582212" sldId="257"/>
            <ac:cxnSpMk id="424" creationId="{56B6E50B-87A9-4477-9DB5-F425B5BCB3FD}"/>
          </ac:cxnSpMkLst>
        </pc:cxnChg>
        <pc:cxnChg chg="add del mod ord modVis">
          <ac:chgData name="Manuel Lidauer" userId="b55e45dd-c6cc-461d-bef5-835fc172e678" providerId="ADAL" clId="{BCD0C6F6-2D95-4A66-B702-D3858BC1FC00}" dt="2019-09-26T09:33:58.606" v="12371"/>
          <ac:cxnSpMkLst>
            <pc:docMk/>
            <pc:sldMk cId="1279582212" sldId="257"/>
            <ac:cxnSpMk id="425" creationId="{15C28FD1-DC05-4F0D-AF89-25FE4CFABF40}"/>
          </ac:cxnSpMkLst>
        </pc:cxnChg>
        <pc:cxnChg chg="add del mod ord modVis">
          <ac:chgData name="Manuel Lidauer" userId="b55e45dd-c6cc-461d-bef5-835fc172e678" providerId="ADAL" clId="{BCD0C6F6-2D95-4A66-B702-D3858BC1FC00}" dt="2019-09-26T09:33:58.606" v="12369"/>
          <ac:cxnSpMkLst>
            <pc:docMk/>
            <pc:sldMk cId="1279582212" sldId="257"/>
            <ac:cxnSpMk id="426" creationId="{C40CC831-ABF1-47EA-97CA-536B78ACE035}"/>
          </ac:cxnSpMkLst>
        </pc:cxnChg>
        <pc:cxnChg chg="add del mod ord modVis">
          <ac:chgData name="Manuel Lidauer" userId="b55e45dd-c6cc-461d-bef5-835fc172e678" providerId="ADAL" clId="{BCD0C6F6-2D95-4A66-B702-D3858BC1FC00}" dt="2019-09-26T09:33:58.605" v="12367"/>
          <ac:cxnSpMkLst>
            <pc:docMk/>
            <pc:sldMk cId="1279582212" sldId="257"/>
            <ac:cxnSpMk id="427" creationId="{9B452E57-65CB-43E5-852F-F470BBE20F26}"/>
          </ac:cxnSpMkLst>
        </pc:cxnChg>
        <pc:cxnChg chg="add del mod ord modVis">
          <ac:chgData name="Manuel Lidauer" userId="b55e45dd-c6cc-461d-bef5-835fc172e678" providerId="ADAL" clId="{BCD0C6F6-2D95-4A66-B702-D3858BC1FC00}" dt="2019-09-26T09:33:58.604" v="12365"/>
          <ac:cxnSpMkLst>
            <pc:docMk/>
            <pc:sldMk cId="1279582212" sldId="257"/>
            <ac:cxnSpMk id="428" creationId="{468D2C2A-301D-4B3C-8AFA-CF47DA78DBE1}"/>
          </ac:cxnSpMkLst>
        </pc:cxnChg>
        <pc:cxnChg chg="add del mod ord modVis">
          <ac:chgData name="Manuel Lidauer" userId="b55e45dd-c6cc-461d-bef5-835fc172e678" providerId="ADAL" clId="{BCD0C6F6-2D95-4A66-B702-D3858BC1FC00}" dt="2019-09-26T09:33:58.603" v="12363"/>
          <ac:cxnSpMkLst>
            <pc:docMk/>
            <pc:sldMk cId="1279582212" sldId="257"/>
            <ac:cxnSpMk id="429" creationId="{6BD635BB-3934-4A03-9187-7D9B360235F3}"/>
          </ac:cxnSpMkLst>
        </pc:cxnChg>
        <pc:cxnChg chg="add del mod">
          <ac:chgData name="Manuel Lidauer" userId="b55e45dd-c6cc-461d-bef5-835fc172e678" providerId="ADAL" clId="{BCD0C6F6-2D95-4A66-B702-D3858BC1FC00}" dt="2019-09-26T09:36:15.823" v="25093"/>
          <ac:cxnSpMkLst>
            <pc:docMk/>
            <pc:sldMk cId="1279582212" sldId="257"/>
            <ac:cxnSpMk id="727" creationId="{7D671409-A713-4E0E-93E0-A95F970B8D62}"/>
          </ac:cxnSpMkLst>
        </pc:cxnChg>
        <pc:cxnChg chg="add del mod">
          <ac:chgData name="Manuel Lidauer" userId="b55e45dd-c6cc-461d-bef5-835fc172e678" providerId="ADAL" clId="{BCD0C6F6-2D95-4A66-B702-D3858BC1FC00}" dt="2019-09-26T09:36:15.824" v="25097"/>
          <ac:cxnSpMkLst>
            <pc:docMk/>
            <pc:sldMk cId="1279582212" sldId="257"/>
            <ac:cxnSpMk id="729" creationId="{0CF0945B-49B5-49CE-8A2B-173BD122F144}"/>
          </ac:cxnSpMkLst>
        </pc:cxnChg>
        <pc:cxnChg chg="add del mod">
          <ac:chgData name="Manuel Lidauer" userId="b55e45dd-c6cc-461d-bef5-835fc172e678" providerId="ADAL" clId="{BCD0C6F6-2D95-4A66-B702-D3858BC1FC00}" dt="2019-09-26T09:36:15.825" v="25101"/>
          <ac:cxnSpMkLst>
            <pc:docMk/>
            <pc:sldMk cId="1279582212" sldId="257"/>
            <ac:cxnSpMk id="731" creationId="{F26C4473-D25A-4C70-B092-4B572A8D0831}"/>
          </ac:cxnSpMkLst>
        </pc:cxnChg>
        <pc:cxnChg chg="add del mod">
          <ac:chgData name="Manuel Lidauer" userId="b55e45dd-c6cc-461d-bef5-835fc172e678" providerId="ADAL" clId="{BCD0C6F6-2D95-4A66-B702-D3858BC1FC00}" dt="2019-09-26T09:36:15.827" v="25105"/>
          <ac:cxnSpMkLst>
            <pc:docMk/>
            <pc:sldMk cId="1279582212" sldId="257"/>
            <ac:cxnSpMk id="733" creationId="{4B8BEE81-0148-4BE1-8445-66465DC0C430}"/>
          </ac:cxnSpMkLst>
        </pc:cxnChg>
        <pc:cxnChg chg="add del mod">
          <ac:chgData name="Manuel Lidauer" userId="b55e45dd-c6cc-461d-bef5-835fc172e678" providerId="ADAL" clId="{BCD0C6F6-2D95-4A66-B702-D3858BC1FC00}" dt="2019-09-26T09:36:15.828" v="25109"/>
          <ac:cxnSpMkLst>
            <pc:docMk/>
            <pc:sldMk cId="1279582212" sldId="257"/>
            <ac:cxnSpMk id="735" creationId="{1CD2A14A-C8F9-4612-9D2A-A1D3C119F20E}"/>
          </ac:cxnSpMkLst>
        </pc:cxnChg>
        <pc:cxnChg chg="add del mod">
          <ac:chgData name="Manuel Lidauer" userId="b55e45dd-c6cc-461d-bef5-835fc172e678" providerId="ADAL" clId="{BCD0C6F6-2D95-4A66-B702-D3858BC1FC00}" dt="2019-09-26T09:36:15.830" v="25113"/>
          <ac:cxnSpMkLst>
            <pc:docMk/>
            <pc:sldMk cId="1279582212" sldId="257"/>
            <ac:cxnSpMk id="737" creationId="{1F059B7A-A2EC-4FD2-9FD0-82F036DAA095}"/>
          </ac:cxnSpMkLst>
        </pc:cxnChg>
        <pc:cxnChg chg="add del mod">
          <ac:chgData name="Manuel Lidauer" userId="b55e45dd-c6cc-461d-bef5-835fc172e678" providerId="ADAL" clId="{BCD0C6F6-2D95-4A66-B702-D3858BC1FC00}" dt="2019-09-26T09:36:15.831" v="25117"/>
          <ac:cxnSpMkLst>
            <pc:docMk/>
            <pc:sldMk cId="1279582212" sldId="257"/>
            <ac:cxnSpMk id="739" creationId="{AB615A6E-DFE1-42B5-B74D-00D9E7695C13}"/>
          </ac:cxnSpMkLst>
        </pc:cxnChg>
        <pc:cxnChg chg="add del mod">
          <ac:chgData name="Manuel Lidauer" userId="b55e45dd-c6cc-461d-bef5-835fc172e678" providerId="ADAL" clId="{BCD0C6F6-2D95-4A66-B702-D3858BC1FC00}" dt="2019-09-26T09:36:15.832" v="25121"/>
          <ac:cxnSpMkLst>
            <pc:docMk/>
            <pc:sldMk cId="1279582212" sldId="257"/>
            <ac:cxnSpMk id="741" creationId="{62476759-5956-4274-939B-50E37DA6EBC1}"/>
          </ac:cxnSpMkLst>
        </pc:cxnChg>
        <pc:cxnChg chg="add del mod ord modVis">
          <ac:chgData name="Manuel Lidauer" userId="b55e45dd-c6cc-461d-bef5-835fc172e678" providerId="ADAL" clId="{BCD0C6F6-2D95-4A66-B702-D3858BC1FC00}" dt="2019-09-26T09:36:15.817" v="25080"/>
          <ac:cxnSpMkLst>
            <pc:docMk/>
            <pc:sldMk cId="1279582212" sldId="257"/>
            <ac:cxnSpMk id="743" creationId="{6269D864-1785-4F75-A24D-194686B51773}"/>
          </ac:cxnSpMkLst>
        </pc:cxnChg>
        <pc:cxnChg chg="add del mod ord modVis">
          <ac:chgData name="Manuel Lidauer" userId="b55e45dd-c6cc-461d-bef5-835fc172e678" providerId="ADAL" clId="{BCD0C6F6-2D95-4A66-B702-D3858BC1FC00}" dt="2019-09-26T09:36:15.816" v="25078"/>
          <ac:cxnSpMkLst>
            <pc:docMk/>
            <pc:sldMk cId="1279582212" sldId="257"/>
            <ac:cxnSpMk id="744" creationId="{61909282-4764-45F2-BFFB-8B901ED552EC}"/>
          </ac:cxnSpMkLst>
        </pc:cxnChg>
        <pc:cxnChg chg="add del mod ord modVis">
          <ac:chgData name="Manuel Lidauer" userId="b55e45dd-c6cc-461d-bef5-835fc172e678" providerId="ADAL" clId="{BCD0C6F6-2D95-4A66-B702-D3858BC1FC00}" dt="2019-09-26T09:36:15.816" v="25076"/>
          <ac:cxnSpMkLst>
            <pc:docMk/>
            <pc:sldMk cId="1279582212" sldId="257"/>
            <ac:cxnSpMk id="745" creationId="{F26543F8-E22C-4AC9-843C-89F2C0A106C5}"/>
          </ac:cxnSpMkLst>
        </pc:cxnChg>
        <pc:cxnChg chg="add del mod ord modVis">
          <ac:chgData name="Manuel Lidauer" userId="b55e45dd-c6cc-461d-bef5-835fc172e678" providerId="ADAL" clId="{BCD0C6F6-2D95-4A66-B702-D3858BC1FC00}" dt="2019-09-26T09:36:15.815" v="25074"/>
          <ac:cxnSpMkLst>
            <pc:docMk/>
            <pc:sldMk cId="1279582212" sldId="257"/>
            <ac:cxnSpMk id="746" creationId="{DC8ECB37-79B3-42AE-9356-6530E7365926}"/>
          </ac:cxnSpMkLst>
        </pc:cxnChg>
        <pc:cxnChg chg="add del mod ord modVis">
          <ac:chgData name="Manuel Lidauer" userId="b55e45dd-c6cc-461d-bef5-835fc172e678" providerId="ADAL" clId="{BCD0C6F6-2D95-4A66-B702-D3858BC1FC00}" dt="2019-09-26T09:36:15.814" v="25072"/>
          <ac:cxnSpMkLst>
            <pc:docMk/>
            <pc:sldMk cId="1279582212" sldId="257"/>
            <ac:cxnSpMk id="747" creationId="{4C54FCBB-0F99-4DA0-A19B-6A64DFECF9A1}"/>
          </ac:cxnSpMkLst>
        </pc:cxnChg>
        <pc:cxnChg chg="add del mod ord modVis">
          <ac:chgData name="Manuel Lidauer" userId="b55e45dd-c6cc-461d-bef5-835fc172e678" providerId="ADAL" clId="{BCD0C6F6-2D95-4A66-B702-D3858BC1FC00}" dt="2019-09-26T09:36:15.814" v="25070"/>
          <ac:cxnSpMkLst>
            <pc:docMk/>
            <pc:sldMk cId="1279582212" sldId="257"/>
            <ac:cxnSpMk id="748" creationId="{A9378745-6496-4254-B383-BE4EDFF6ED46}"/>
          </ac:cxnSpMkLst>
        </pc:cxnChg>
        <pc:cxnChg chg="add del mod ord modVis">
          <ac:chgData name="Manuel Lidauer" userId="b55e45dd-c6cc-461d-bef5-835fc172e678" providerId="ADAL" clId="{BCD0C6F6-2D95-4A66-B702-D3858BC1FC00}" dt="2019-09-26T09:36:15.813" v="25068"/>
          <ac:cxnSpMkLst>
            <pc:docMk/>
            <pc:sldMk cId="1279582212" sldId="257"/>
            <ac:cxnSpMk id="749" creationId="{788AA73E-FD6D-444E-9AAB-6161F68F7C43}"/>
          </ac:cxnSpMkLst>
        </pc:cxnChg>
        <pc:cxnChg chg="add del mod ord modVis">
          <ac:chgData name="Manuel Lidauer" userId="b55e45dd-c6cc-461d-bef5-835fc172e678" providerId="ADAL" clId="{BCD0C6F6-2D95-4A66-B702-D3858BC1FC00}" dt="2019-09-26T09:36:15.812" v="25066"/>
          <ac:cxnSpMkLst>
            <pc:docMk/>
            <pc:sldMk cId="1279582212" sldId="257"/>
            <ac:cxnSpMk id="750" creationId="{00DB3926-03C5-480F-BC61-BA3CA87663E1}"/>
          </ac:cxnSpMkLst>
        </pc:cxnChg>
        <pc:cxnChg chg="add del mod ord modVis">
          <ac:chgData name="Manuel Lidauer" userId="b55e45dd-c6cc-461d-bef5-835fc172e678" providerId="ADAL" clId="{BCD0C6F6-2D95-4A66-B702-D3858BC1FC00}" dt="2019-09-26T09:36:15.811" v="25064"/>
          <ac:cxnSpMkLst>
            <pc:docMk/>
            <pc:sldMk cId="1279582212" sldId="257"/>
            <ac:cxnSpMk id="751" creationId="{4A8EA0E9-E69F-46DC-8554-BF3CD1C46A4B}"/>
          </ac:cxnSpMkLst>
        </pc:cxnChg>
        <pc:cxnChg chg="add del mod ord modVis">
          <ac:chgData name="Manuel Lidauer" userId="b55e45dd-c6cc-461d-bef5-835fc172e678" providerId="ADAL" clId="{BCD0C6F6-2D95-4A66-B702-D3858BC1FC00}" dt="2019-09-26T09:36:15.810" v="25062"/>
          <ac:cxnSpMkLst>
            <pc:docMk/>
            <pc:sldMk cId="1279582212" sldId="257"/>
            <ac:cxnSpMk id="752" creationId="{D5F9D949-D4C5-4332-BCA8-62EEB0F025D3}"/>
          </ac:cxnSpMkLst>
        </pc:cxnChg>
        <pc:cxnChg chg="add del mod ord modVis">
          <ac:chgData name="Manuel Lidauer" userId="b55e45dd-c6cc-461d-bef5-835fc172e678" providerId="ADAL" clId="{BCD0C6F6-2D95-4A66-B702-D3858BC1FC00}" dt="2019-09-26T09:36:15.810" v="25060"/>
          <ac:cxnSpMkLst>
            <pc:docMk/>
            <pc:sldMk cId="1279582212" sldId="257"/>
            <ac:cxnSpMk id="753" creationId="{BFE5D56F-9459-4099-B21A-0CAA451909D4}"/>
          </ac:cxnSpMkLst>
        </pc:cxnChg>
        <pc:cxnChg chg="add del mod ord modVis">
          <ac:chgData name="Manuel Lidauer" userId="b55e45dd-c6cc-461d-bef5-835fc172e678" providerId="ADAL" clId="{BCD0C6F6-2D95-4A66-B702-D3858BC1FC00}" dt="2019-09-26T09:36:15.809" v="25058"/>
          <ac:cxnSpMkLst>
            <pc:docMk/>
            <pc:sldMk cId="1279582212" sldId="257"/>
            <ac:cxnSpMk id="754" creationId="{D8D57AF5-9917-4FCB-A56C-51A1CCB30531}"/>
          </ac:cxnSpMkLst>
        </pc:cxnChg>
        <pc:cxnChg chg="add del mod ord modVis">
          <ac:chgData name="Manuel Lidauer" userId="b55e45dd-c6cc-461d-bef5-835fc172e678" providerId="ADAL" clId="{BCD0C6F6-2D95-4A66-B702-D3858BC1FC00}" dt="2019-09-26T09:36:15.808" v="25056"/>
          <ac:cxnSpMkLst>
            <pc:docMk/>
            <pc:sldMk cId="1279582212" sldId="257"/>
            <ac:cxnSpMk id="755" creationId="{B8A5B677-69C0-4F77-AE0C-E93812A9E6D1}"/>
          </ac:cxnSpMkLst>
        </pc:cxnChg>
        <pc:cxnChg chg="add del mod ord modVis">
          <ac:chgData name="Manuel Lidauer" userId="b55e45dd-c6cc-461d-bef5-835fc172e678" providerId="ADAL" clId="{BCD0C6F6-2D95-4A66-B702-D3858BC1FC00}" dt="2019-09-26T09:36:15.807" v="25054"/>
          <ac:cxnSpMkLst>
            <pc:docMk/>
            <pc:sldMk cId="1279582212" sldId="257"/>
            <ac:cxnSpMk id="756" creationId="{0B06D83E-A789-4776-AA00-77D60AB828E1}"/>
          </ac:cxnSpMkLst>
        </pc:cxnChg>
        <pc:cxnChg chg="add del mod ord modVis">
          <ac:chgData name="Manuel Lidauer" userId="b55e45dd-c6cc-461d-bef5-835fc172e678" providerId="ADAL" clId="{BCD0C6F6-2D95-4A66-B702-D3858BC1FC00}" dt="2019-09-26T09:36:15.807" v="25052"/>
          <ac:cxnSpMkLst>
            <pc:docMk/>
            <pc:sldMk cId="1279582212" sldId="257"/>
            <ac:cxnSpMk id="757" creationId="{A8749F67-D715-4362-B3D6-FFD55FAB5754}"/>
          </ac:cxnSpMkLst>
        </pc:cxnChg>
        <pc:cxnChg chg="add del mod ord modVis">
          <ac:chgData name="Manuel Lidauer" userId="b55e45dd-c6cc-461d-bef5-835fc172e678" providerId="ADAL" clId="{BCD0C6F6-2D95-4A66-B702-D3858BC1FC00}" dt="2019-09-26T09:36:15.806" v="25050"/>
          <ac:cxnSpMkLst>
            <pc:docMk/>
            <pc:sldMk cId="1279582212" sldId="257"/>
            <ac:cxnSpMk id="758" creationId="{23A731E8-5C7F-44B7-A8B5-B993E0C3F9D5}"/>
          </ac:cxnSpMkLst>
        </pc:cxnChg>
        <pc:cxnChg chg="add del mod ord modVis">
          <ac:chgData name="Manuel Lidauer" userId="b55e45dd-c6cc-461d-bef5-835fc172e678" providerId="ADAL" clId="{BCD0C6F6-2D95-4A66-B702-D3858BC1FC00}" dt="2019-09-26T09:36:15.805" v="25048"/>
          <ac:cxnSpMkLst>
            <pc:docMk/>
            <pc:sldMk cId="1279582212" sldId="257"/>
            <ac:cxnSpMk id="759" creationId="{FA45DDF1-A305-4781-9A35-D9183AABE593}"/>
          </ac:cxnSpMkLst>
        </pc:cxnChg>
        <pc:cxnChg chg="add del mod ord modVis">
          <ac:chgData name="Manuel Lidauer" userId="b55e45dd-c6cc-461d-bef5-835fc172e678" providerId="ADAL" clId="{BCD0C6F6-2D95-4A66-B702-D3858BC1FC00}" dt="2019-09-26T09:36:15.805" v="25046"/>
          <ac:cxnSpMkLst>
            <pc:docMk/>
            <pc:sldMk cId="1279582212" sldId="257"/>
            <ac:cxnSpMk id="760" creationId="{2DF2A594-4512-4CE2-A145-021DED7D0A6C}"/>
          </ac:cxnSpMkLst>
        </pc:cxnChg>
        <pc:cxnChg chg="add del mod ord modVis">
          <ac:chgData name="Manuel Lidauer" userId="b55e45dd-c6cc-461d-bef5-835fc172e678" providerId="ADAL" clId="{BCD0C6F6-2D95-4A66-B702-D3858BC1FC00}" dt="2019-09-26T09:36:15.803" v="25044"/>
          <ac:cxnSpMkLst>
            <pc:docMk/>
            <pc:sldMk cId="1279582212" sldId="257"/>
            <ac:cxnSpMk id="761" creationId="{3D46D941-EAE5-4FB2-A51E-42B363DF94D8}"/>
          </ac:cxnSpMkLst>
        </pc:cxnChg>
        <pc:cxnChg chg="add del mod ord modVis">
          <ac:chgData name="Manuel Lidauer" userId="b55e45dd-c6cc-461d-bef5-835fc172e678" providerId="ADAL" clId="{BCD0C6F6-2D95-4A66-B702-D3858BC1FC00}" dt="2019-09-26T09:36:15.802" v="25042"/>
          <ac:cxnSpMkLst>
            <pc:docMk/>
            <pc:sldMk cId="1279582212" sldId="257"/>
            <ac:cxnSpMk id="762" creationId="{276F6E17-6628-4CCE-B9B1-925082C883C6}"/>
          </ac:cxnSpMkLst>
        </pc:cxnChg>
        <pc:cxnChg chg="add del mod ord modVis">
          <ac:chgData name="Manuel Lidauer" userId="b55e45dd-c6cc-461d-bef5-835fc172e678" providerId="ADAL" clId="{BCD0C6F6-2D95-4A66-B702-D3858BC1FC00}" dt="2019-09-26T09:36:15.801" v="25040"/>
          <ac:cxnSpMkLst>
            <pc:docMk/>
            <pc:sldMk cId="1279582212" sldId="257"/>
            <ac:cxnSpMk id="763" creationId="{60C71BED-D528-432B-A4A5-829B9BDAA2FC}"/>
          </ac:cxnSpMkLst>
        </pc:cxnChg>
        <pc:cxnChg chg="add del mod ord modVis">
          <ac:chgData name="Manuel Lidauer" userId="b55e45dd-c6cc-461d-bef5-835fc172e678" providerId="ADAL" clId="{BCD0C6F6-2D95-4A66-B702-D3858BC1FC00}" dt="2019-09-26T09:36:15.801" v="25038"/>
          <ac:cxnSpMkLst>
            <pc:docMk/>
            <pc:sldMk cId="1279582212" sldId="257"/>
            <ac:cxnSpMk id="764" creationId="{52CEBC89-D902-4499-AB21-1C982CFF4298}"/>
          </ac:cxnSpMkLst>
        </pc:cxnChg>
        <pc:cxnChg chg="add del mod ord modVis">
          <ac:chgData name="Manuel Lidauer" userId="b55e45dd-c6cc-461d-bef5-835fc172e678" providerId="ADAL" clId="{BCD0C6F6-2D95-4A66-B702-D3858BC1FC00}" dt="2019-09-26T09:36:15.800" v="25036"/>
          <ac:cxnSpMkLst>
            <pc:docMk/>
            <pc:sldMk cId="1279582212" sldId="257"/>
            <ac:cxnSpMk id="765" creationId="{02339970-2C9B-4590-AE3F-3A4A9058B00B}"/>
          </ac:cxnSpMkLst>
        </pc:cxnChg>
        <pc:cxnChg chg="add del mod ord modVis">
          <ac:chgData name="Manuel Lidauer" userId="b55e45dd-c6cc-461d-bef5-835fc172e678" providerId="ADAL" clId="{BCD0C6F6-2D95-4A66-B702-D3858BC1FC00}" dt="2019-09-26T09:36:15.799" v="25034"/>
          <ac:cxnSpMkLst>
            <pc:docMk/>
            <pc:sldMk cId="1279582212" sldId="257"/>
            <ac:cxnSpMk id="766" creationId="{3197D00E-4E80-4227-8185-AFC16BD60AB3}"/>
          </ac:cxnSpMkLst>
        </pc:cxnChg>
        <pc:cxnChg chg="add del mod ord modVis">
          <ac:chgData name="Manuel Lidauer" userId="b55e45dd-c6cc-461d-bef5-835fc172e678" providerId="ADAL" clId="{BCD0C6F6-2D95-4A66-B702-D3858BC1FC00}" dt="2019-09-26T09:36:15.799" v="25032"/>
          <ac:cxnSpMkLst>
            <pc:docMk/>
            <pc:sldMk cId="1279582212" sldId="257"/>
            <ac:cxnSpMk id="767" creationId="{EC0BA47C-11B1-41D4-A5A5-D403DEB93B3D}"/>
          </ac:cxnSpMkLst>
        </pc:cxnChg>
        <pc:cxnChg chg="add del mod ord modVis">
          <ac:chgData name="Manuel Lidauer" userId="b55e45dd-c6cc-461d-bef5-835fc172e678" providerId="ADAL" clId="{BCD0C6F6-2D95-4A66-B702-D3858BC1FC00}" dt="2019-09-26T09:36:15.798" v="25030"/>
          <ac:cxnSpMkLst>
            <pc:docMk/>
            <pc:sldMk cId="1279582212" sldId="257"/>
            <ac:cxnSpMk id="768" creationId="{0D639E8C-6ECB-4C89-8735-D27661A3054F}"/>
          </ac:cxnSpMkLst>
        </pc:cxnChg>
        <pc:cxnChg chg="add del mod ord modVis">
          <ac:chgData name="Manuel Lidauer" userId="b55e45dd-c6cc-461d-bef5-835fc172e678" providerId="ADAL" clId="{BCD0C6F6-2D95-4A66-B702-D3858BC1FC00}" dt="2019-09-26T09:36:15.797" v="25028"/>
          <ac:cxnSpMkLst>
            <pc:docMk/>
            <pc:sldMk cId="1279582212" sldId="257"/>
            <ac:cxnSpMk id="769" creationId="{13017267-6AFC-4A0B-9C3D-978906CB9A5B}"/>
          </ac:cxnSpMkLst>
        </pc:cxnChg>
        <pc:cxnChg chg="add del mod ord modVis">
          <ac:chgData name="Manuel Lidauer" userId="b55e45dd-c6cc-461d-bef5-835fc172e678" providerId="ADAL" clId="{BCD0C6F6-2D95-4A66-B702-D3858BC1FC00}" dt="2019-09-26T09:36:15.797" v="25026"/>
          <ac:cxnSpMkLst>
            <pc:docMk/>
            <pc:sldMk cId="1279582212" sldId="257"/>
            <ac:cxnSpMk id="770" creationId="{A09E722D-8B4A-4FAF-A32E-540C05C84E54}"/>
          </ac:cxnSpMkLst>
        </pc:cxnChg>
        <pc:cxnChg chg="add del mod ord modVis">
          <ac:chgData name="Manuel Lidauer" userId="b55e45dd-c6cc-461d-bef5-835fc172e678" providerId="ADAL" clId="{BCD0C6F6-2D95-4A66-B702-D3858BC1FC00}" dt="2019-09-26T09:36:15.796" v="25024"/>
          <ac:cxnSpMkLst>
            <pc:docMk/>
            <pc:sldMk cId="1279582212" sldId="257"/>
            <ac:cxnSpMk id="771" creationId="{7AA1AF53-6073-47BB-8463-EFEE4F5BBBFB}"/>
          </ac:cxnSpMkLst>
        </pc:cxnChg>
        <pc:cxnChg chg="add del mod ord modVis">
          <ac:chgData name="Manuel Lidauer" userId="b55e45dd-c6cc-461d-bef5-835fc172e678" providerId="ADAL" clId="{BCD0C6F6-2D95-4A66-B702-D3858BC1FC00}" dt="2019-09-26T09:36:15.795" v="25022"/>
          <ac:cxnSpMkLst>
            <pc:docMk/>
            <pc:sldMk cId="1279582212" sldId="257"/>
            <ac:cxnSpMk id="772" creationId="{41248E2B-E28E-4684-A3C6-111DA39B687C}"/>
          </ac:cxnSpMkLst>
        </pc:cxnChg>
        <pc:cxnChg chg="add del mod ord modVis">
          <ac:chgData name="Manuel Lidauer" userId="b55e45dd-c6cc-461d-bef5-835fc172e678" providerId="ADAL" clId="{BCD0C6F6-2D95-4A66-B702-D3858BC1FC00}" dt="2019-09-26T09:36:15.794" v="25020"/>
          <ac:cxnSpMkLst>
            <pc:docMk/>
            <pc:sldMk cId="1279582212" sldId="257"/>
            <ac:cxnSpMk id="773" creationId="{7B950985-396F-4F7D-B6BA-AAF7ABCDFBC8}"/>
          </ac:cxnSpMkLst>
        </pc:cxnChg>
        <pc:cxnChg chg="add del mod ord modVis">
          <ac:chgData name="Manuel Lidauer" userId="b55e45dd-c6cc-461d-bef5-835fc172e678" providerId="ADAL" clId="{BCD0C6F6-2D95-4A66-B702-D3858BC1FC00}" dt="2019-09-26T09:36:15.794" v="25018"/>
          <ac:cxnSpMkLst>
            <pc:docMk/>
            <pc:sldMk cId="1279582212" sldId="257"/>
            <ac:cxnSpMk id="774" creationId="{F43FCEFC-97E9-44FE-869E-B07F2EBC4BFE}"/>
          </ac:cxnSpMkLst>
        </pc:cxnChg>
        <pc:cxnChg chg="add del mod ord modVis">
          <ac:chgData name="Manuel Lidauer" userId="b55e45dd-c6cc-461d-bef5-835fc172e678" providerId="ADAL" clId="{BCD0C6F6-2D95-4A66-B702-D3858BC1FC00}" dt="2019-09-26T09:36:15.793" v="25016"/>
          <ac:cxnSpMkLst>
            <pc:docMk/>
            <pc:sldMk cId="1279582212" sldId="257"/>
            <ac:cxnSpMk id="775" creationId="{58F5D7BC-C575-4505-9CA2-3760B0B08B03}"/>
          </ac:cxnSpMkLst>
        </pc:cxnChg>
        <pc:cxnChg chg="add del mod ord modVis">
          <ac:chgData name="Manuel Lidauer" userId="b55e45dd-c6cc-461d-bef5-835fc172e678" providerId="ADAL" clId="{BCD0C6F6-2D95-4A66-B702-D3858BC1FC00}" dt="2019-09-26T09:36:15.792" v="25014"/>
          <ac:cxnSpMkLst>
            <pc:docMk/>
            <pc:sldMk cId="1279582212" sldId="257"/>
            <ac:cxnSpMk id="776" creationId="{2F8149A3-06C1-4B61-A426-B4B152C2A58C}"/>
          </ac:cxnSpMkLst>
        </pc:cxnChg>
        <pc:cxnChg chg="add del mod ord modVis">
          <ac:chgData name="Manuel Lidauer" userId="b55e45dd-c6cc-461d-bef5-835fc172e678" providerId="ADAL" clId="{BCD0C6F6-2D95-4A66-B702-D3858BC1FC00}" dt="2019-09-26T09:36:15.792" v="25012"/>
          <ac:cxnSpMkLst>
            <pc:docMk/>
            <pc:sldMk cId="1279582212" sldId="257"/>
            <ac:cxnSpMk id="777" creationId="{CA62A850-DAC7-49F1-85F3-77C79CA1B828}"/>
          </ac:cxnSpMkLst>
        </pc:cxnChg>
        <pc:cxnChg chg="add del mod ord modVis">
          <ac:chgData name="Manuel Lidauer" userId="b55e45dd-c6cc-461d-bef5-835fc172e678" providerId="ADAL" clId="{BCD0C6F6-2D95-4A66-B702-D3858BC1FC00}" dt="2019-09-26T09:36:15.791" v="25010"/>
          <ac:cxnSpMkLst>
            <pc:docMk/>
            <pc:sldMk cId="1279582212" sldId="257"/>
            <ac:cxnSpMk id="778" creationId="{D9F43348-206A-4509-B90B-0C9B91338046}"/>
          </ac:cxnSpMkLst>
        </pc:cxnChg>
        <pc:cxnChg chg="add del mod ord modVis">
          <ac:chgData name="Manuel Lidauer" userId="b55e45dd-c6cc-461d-bef5-835fc172e678" providerId="ADAL" clId="{BCD0C6F6-2D95-4A66-B702-D3858BC1FC00}" dt="2019-09-26T09:36:15.790" v="25008"/>
          <ac:cxnSpMkLst>
            <pc:docMk/>
            <pc:sldMk cId="1279582212" sldId="257"/>
            <ac:cxnSpMk id="779" creationId="{3C7C8FED-0157-44E8-963F-5B8B1C7783B2}"/>
          </ac:cxnSpMkLst>
        </pc:cxnChg>
        <pc:cxnChg chg="add del mod ord modVis">
          <ac:chgData name="Manuel Lidauer" userId="b55e45dd-c6cc-461d-bef5-835fc172e678" providerId="ADAL" clId="{BCD0C6F6-2D95-4A66-B702-D3858BC1FC00}" dt="2019-09-26T09:36:15.789" v="25006"/>
          <ac:cxnSpMkLst>
            <pc:docMk/>
            <pc:sldMk cId="1279582212" sldId="257"/>
            <ac:cxnSpMk id="780" creationId="{718A9F1A-F343-4348-A915-048DEF1AD8AD}"/>
          </ac:cxnSpMkLst>
        </pc:cxnChg>
        <pc:cxnChg chg="add del mod ord modVis">
          <ac:chgData name="Manuel Lidauer" userId="b55e45dd-c6cc-461d-bef5-835fc172e678" providerId="ADAL" clId="{BCD0C6F6-2D95-4A66-B702-D3858BC1FC00}" dt="2019-09-26T09:36:15.788" v="25004"/>
          <ac:cxnSpMkLst>
            <pc:docMk/>
            <pc:sldMk cId="1279582212" sldId="257"/>
            <ac:cxnSpMk id="781" creationId="{1ACEB8FA-BFA3-46CC-A198-B3D9D40CAAB7}"/>
          </ac:cxnSpMkLst>
        </pc:cxnChg>
        <pc:cxnChg chg="add del mod ord modVis">
          <ac:chgData name="Manuel Lidauer" userId="b55e45dd-c6cc-461d-bef5-835fc172e678" providerId="ADAL" clId="{BCD0C6F6-2D95-4A66-B702-D3858BC1FC00}" dt="2019-09-26T09:36:15.787" v="25002"/>
          <ac:cxnSpMkLst>
            <pc:docMk/>
            <pc:sldMk cId="1279582212" sldId="257"/>
            <ac:cxnSpMk id="782" creationId="{2B2116F9-54D2-4788-9521-511C094E2873}"/>
          </ac:cxnSpMkLst>
        </pc:cxnChg>
        <pc:cxnChg chg="add del mod">
          <ac:chgData name="Manuel Lidauer" userId="b55e45dd-c6cc-461d-bef5-835fc172e678" providerId="ADAL" clId="{BCD0C6F6-2D95-4A66-B702-D3858BC1FC00}" dt="2019-09-26T09:38:20.895" v="37748"/>
          <ac:cxnSpMkLst>
            <pc:docMk/>
            <pc:sldMk cId="1279582212" sldId="257"/>
            <ac:cxnSpMk id="1080" creationId="{717CFF7F-A9B4-41A0-BE81-CA2D272D3FB4}"/>
          </ac:cxnSpMkLst>
        </pc:cxnChg>
        <pc:cxnChg chg="add del mod">
          <ac:chgData name="Manuel Lidauer" userId="b55e45dd-c6cc-461d-bef5-835fc172e678" providerId="ADAL" clId="{BCD0C6F6-2D95-4A66-B702-D3858BC1FC00}" dt="2019-09-26T09:38:20.896" v="37752"/>
          <ac:cxnSpMkLst>
            <pc:docMk/>
            <pc:sldMk cId="1279582212" sldId="257"/>
            <ac:cxnSpMk id="1082" creationId="{85555DD3-5B22-4328-A54F-C369BF871D9C}"/>
          </ac:cxnSpMkLst>
        </pc:cxnChg>
        <pc:cxnChg chg="add del mod">
          <ac:chgData name="Manuel Lidauer" userId="b55e45dd-c6cc-461d-bef5-835fc172e678" providerId="ADAL" clId="{BCD0C6F6-2D95-4A66-B702-D3858BC1FC00}" dt="2019-09-26T09:38:20.898" v="37756"/>
          <ac:cxnSpMkLst>
            <pc:docMk/>
            <pc:sldMk cId="1279582212" sldId="257"/>
            <ac:cxnSpMk id="1084" creationId="{A19D94ED-AC3B-437D-AC1E-91052E6493F9}"/>
          </ac:cxnSpMkLst>
        </pc:cxnChg>
        <pc:cxnChg chg="add del mod">
          <ac:chgData name="Manuel Lidauer" userId="b55e45dd-c6cc-461d-bef5-835fc172e678" providerId="ADAL" clId="{BCD0C6F6-2D95-4A66-B702-D3858BC1FC00}" dt="2019-09-26T09:38:20.899" v="37760"/>
          <ac:cxnSpMkLst>
            <pc:docMk/>
            <pc:sldMk cId="1279582212" sldId="257"/>
            <ac:cxnSpMk id="1086" creationId="{1563BD73-AA90-429F-848A-571896A0186E}"/>
          </ac:cxnSpMkLst>
        </pc:cxnChg>
        <pc:cxnChg chg="add del mod">
          <ac:chgData name="Manuel Lidauer" userId="b55e45dd-c6cc-461d-bef5-835fc172e678" providerId="ADAL" clId="{BCD0C6F6-2D95-4A66-B702-D3858BC1FC00}" dt="2019-09-26T09:38:20.900" v="37764"/>
          <ac:cxnSpMkLst>
            <pc:docMk/>
            <pc:sldMk cId="1279582212" sldId="257"/>
            <ac:cxnSpMk id="1088" creationId="{E2A73688-8BD4-4D38-A57F-2AEBDB83948B}"/>
          </ac:cxnSpMkLst>
        </pc:cxnChg>
        <pc:cxnChg chg="add del mod">
          <ac:chgData name="Manuel Lidauer" userId="b55e45dd-c6cc-461d-bef5-835fc172e678" providerId="ADAL" clId="{BCD0C6F6-2D95-4A66-B702-D3858BC1FC00}" dt="2019-09-26T09:38:20.902" v="37768"/>
          <ac:cxnSpMkLst>
            <pc:docMk/>
            <pc:sldMk cId="1279582212" sldId="257"/>
            <ac:cxnSpMk id="1090" creationId="{E33AD2AF-5559-43E9-867F-E1F98FF3D35D}"/>
          </ac:cxnSpMkLst>
        </pc:cxnChg>
        <pc:cxnChg chg="add del mod">
          <ac:chgData name="Manuel Lidauer" userId="b55e45dd-c6cc-461d-bef5-835fc172e678" providerId="ADAL" clId="{BCD0C6F6-2D95-4A66-B702-D3858BC1FC00}" dt="2019-09-26T09:38:20.903" v="37772"/>
          <ac:cxnSpMkLst>
            <pc:docMk/>
            <pc:sldMk cId="1279582212" sldId="257"/>
            <ac:cxnSpMk id="1092" creationId="{363FDB92-7EDA-4982-8C5B-EC1E6D52CA81}"/>
          </ac:cxnSpMkLst>
        </pc:cxnChg>
        <pc:cxnChg chg="add del mod">
          <ac:chgData name="Manuel Lidauer" userId="b55e45dd-c6cc-461d-bef5-835fc172e678" providerId="ADAL" clId="{BCD0C6F6-2D95-4A66-B702-D3858BC1FC00}" dt="2019-09-26T09:38:20.904" v="37776"/>
          <ac:cxnSpMkLst>
            <pc:docMk/>
            <pc:sldMk cId="1279582212" sldId="257"/>
            <ac:cxnSpMk id="1094" creationId="{37212DE4-4E00-4121-8251-0F66EA3DC415}"/>
          </ac:cxnSpMkLst>
        </pc:cxnChg>
        <pc:cxnChg chg="add del mod ord modVis">
          <ac:chgData name="Manuel Lidauer" userId="b55e45dd-c6cc-461d-bef5-835fc172e678" providerId="ADAL" clId="{BCD0C6F6-2D95-4A66-B702-D3858BC1FC00}" dt="2019-09-26T09:38:20.889" v="37735"/>
          <ac:cxnSpMkLst>
            <pc:docMk/>
            <pc:sldMk cId="1279582212" sldId="257"/>
            <ac:cxnSpMk id="1096" creationId="{A5E8BDC5-771B-43B2-9C82-97AF78C618B2}"/>
          </ac:cxnSpMkLst>
        </pc:cxnChg>
        <pc:cxnChg chg="add del mod ord modVis">
          <ac:chgData name="Manuel Lidauer" userId="b55e45dd-c6cc-461d-bef5-835fc172e678" providerId="ADAL" clId="{BCD0C6F6-2D95-4A66-B702-D3858BC1FC00}" dt="2019-09-26T09:38:20.888" v="37733"/>
          <ac:cxnSpMkLst>
            <pc:docMk/>
            <pc:sldMk cId="1279582212" sldId="257"/>
            <ac:cxnSpMk id="1097" creationId="{7B5EA972-B739-48D1-9A88-045B6FDAA4E9}"/>
          </ac:cxnSpMkLst>
        </pc:cxnChg>
        <pc:cxnChg chg="add del mod ord modVis">
          <ac:chgData name="Manuel Lidauer" userId="b55e45dd-c6cc-461d-bef5-835fc172e678" providerId="ADAL" clId="{BCD0C6F6-2D95-4A66-B702-D3858BC1FC00}" dt="2019-09-26T09:38:20.888" v="37731"/>
          <ac:cxnSpMkLst>
            <pc:docMk/>
            <pc:sldMk cId="1279582212" sldId="257"/>
            <ac:cxnSpMk id="1098" creationId="{D6FABB47-CF4E-4ADD-ADFD-DF085444220C}"/>
          </ac:cxnSpMkLst>
        </pc:cxnChg>
        <pc:cxnChg chg="add del mod ord modVis">
          <ac:chgData name="Manuel Lidauer" userId="b55e45dd-c6cc-461d-bef5-835fc172e678" providerId="ADAL" clId="{BCD0C6F6-2D95-4A66-B702-D3858BC1FC00}" dt="2019-09-26T09:38:20.887" v="37729"/>
          <ac:cxnSpMkLst>
            <pc:docMk/>
            <pc:sldMk cId="1279582212" sldId="257"/>
            <ac:cxnSpMk id="1099" creationId="{0F52AE93-C378-45D8-AB58-EFE81D8FD2AC}"/>
          </ac:cxnSpMkLst>
        </pc:cxnChg>
        <pc:cxnChg chg="add del mod ord modVis">
          <ac:chgData name="Manuel Lidauer" userId="b55e45dd-c6cc-461d-bef5-835fc172e678" providerId="ADAL" clId="{BCD0C6F6-2D95-4A66-B702-D3858BC1FC00}" dt="2019-09-26T09:38:20.886" v="37727"/>
          <ac:cxnSpMkLst>
            <pc:docMk/>
            <pc:sldMk cId="1279582212" sldId="257"/>
            <ac:cxnSpMk id="1100" creationId="{4090C316-A32F-443F-B29F-EDE005F8395A}"/>
          </ac:cxnSpMkLst>
        </pc:cxnChg>
        <pc:cxnChg chg="add del mod ord modVis">
          <ac:chgData name="Manuel Lidauer" userId="b55e45dd-c6cc-461d-bef5-835fc172e678" providerId="ADAL" clId="{BCD0C6F6-2D95-4A66-B702-D3858BC1FC00}" dt="2019-09-26T09:38:20.886" v="37725"/>
          <ac:cxnSpMkLst>
            <pc:docMk/>
            <pc:sldMk cId="1279582212" sldId="257"/>
            <ac:cxnSpMk id="1101" creationId="{D8F802EB-0BA7-4D95-B75E-475FB7F311EC}"/>
          </ac:cxnSpMkLst>
        </pc:cxnChg>
        <pc:cxnChg chg="add del mod ord modVis">
          <ac:chgData name="Manuel Lidauer" userId="b55e45dd-c6cc-461d-bef5-835fc172e678" providerId="ADAL" clId="{BCD0C6F6-2D95-4A66-B702-D3858BC1FC00}" dt="2019-09-26T09:38:20.885" v="37723"/>
          <ac:cxnSpMkLst>
            <pc:docMk/>
            <pc:sldMk cId="1279582212" sldId="257"/>
            <ac:cxnSpMk id="1102" creationId="{55C5A880-8338-4C50-A53A-531DE3626A5C}"/>
          </ac:cxnSpMkLst>
        </pc:cxnChg>
        <pc:cxnChg chg="add del mod ord modVis">
          <ac:chgData name="Manuel Lidauer" userId="b55e45dd-c6cc-461d-bef5-835fc172e678" providerId="ADAL" clId="{BCD0C6F6-2D95-4A66-B702-D3858BC1FC00}" dt="2019-09-26T09:38:20.884" v="37721"/>
          <ac:cxnSpMkLst>
            <pc:docMk/>
            <pc:sldMk cId="1279582212" sldId="257"/>
            <ac:cxnSpMk id="1103" creationId="{AE19C94F-0BF1-4416-8FED-E364C38B4E73}"/>
          </ac:cxnSpMkLst>
        </pc:cxnChg>
        <pc:cxnChg chg="add del mod ord modVis">
          <ac:chgData name="Manuel Lidauer" userId="b55e45dd-c6cc-461d-bef5-835fc172e678" providerId="ADAL" clId="{BCD0C6F6-2D95-4A66-B702-D3858BC1FC00}" dt="2019-09-26T09:38:20.884" v="37719"/>
          <ac:cxnSpMkLst>
            <pc:docMk/>
            <pc:sldMk cId="1279582212" sldId="257"/>
            <ac:cxnSpMk id="1104" creationId="{40229B6A-4363-448F-B487-4165F07BE7FC}"/>
          </ac:cxnSpMkLst>
        </pc:cxnChg>
        <pc:cxnChg chg="add del mod ord modVis">
          <ac:chgData name="Manuel Lidauer" userId="b55e45dd-c6cc-461d-bef5-835fc172e678" providerId="ADAL" clId="{BCD0C6F6-2D95-4A66-B702-D3858BC1FC00}" dt="2019-09-26T09:38:20.883" v="37717"/>
          <ac:cxnSpMkLst>
            <pc:docMk/>
            <pc:sldMk cId="1279582212" sldId="257"/>
            <ac:cxnSpMk id="1105" creationId="{05A72C3E-ABE1-4BDB-8A3C-7CDDF129D21F}"/>
          </ac:cxnSpMkLst>
        </pc:cxnChg>
        <pc:cxnChg chg="add del mod ord modVis">
          <ac:chgData name="Manuel Lidauer" userId="b55e45dd-c6cc-461d-bef5-835fc172e678" providerId="ADAL" clId="{BCD0C6F6-2D95-4A66-B702-D3858BC1FC00}" dt="2019-09-26T09:38:20.882" v="37715"/>
          <ac:cxnSpMkLst>
            <pc:docMk/>
            <pc:sldMk cId="1279582212" sldId="257"/>
            <ac:cxnSpMk id="1106" creationId="{F2DBCED1-9016-4303-AD57-2CAB4E0093F9}"/>
          </ac:cxnSpMkLst>
        </pc:cxnChg>
        <pc:cxnChg chg="add del mod ord modVis">
          <ac:chgData name="Manuel Lidauer" userId="b55e45dd-c6cc-461d-bef5-835fc172e678" providerId="ADAL" clId="{BCD0C6F6-2D95-4A66-B702-D3858BC1FC00}" dt="2019-09-26T09:38:20.882" v="37713"/>
          <ac:cxnSpMkLst>
            <pc:docMk/>
            <pc:sldMk cId="1279582212" sldId="257"/>
            <ac:cxnSpMk id="1107" creationId="{F8BBFC90-2F59-4B6B-90A9-31B758F1A8DD}"/>
          </ac:cxnSpMkLst>
        </pc:cxnChg>
        <pc:cxnChg chg="add del mod ord modVis">
          <ac:chgData name="Manuel Lidauer" userId="b55e45dd-c6cc-461d-bef5-835fc172e678" providerId="ADAL" clId="{BCD0C6F6-2D95-4A66-B702-D3858BC1FC00}" dt="2019-09-26T09:38:20.879" v="37711"/>
          <ac:cxnSpMkLst>
            <pc:docMk/>
            <pc:sldMk cId="1279582212" sldId="257"/>
            <ac:cxnSpMk id="1108" creationId="{12ABD085-5210-4593-9EDF-F9CBA39C73D1}"/>
          </ac:cxnSpMkLst>
        </pc:cxnChg>
        <pc:cxnChg chg="add del mod ord modVis">
          <ac:chgData name="Manuel Lidauer" userId="b55e45dd-c6cc-461d-bef5-835fc172e678" providerId="ADAL" clId="{BCD0C6F6-2D95-4A66-B702-D3858BC1FC00}" dt="2019-09-26T09:38:20.879" v="37709"/>
          <ac:cxnSpMkLst>
            <pc:docMk/>
            <pc:sldMk cId="1279582212" sldId="257"/>
            <ac:cxnSpMk id="1109" creationId="{F8403820-B3FD-4658-B0E0-80978097B1F1}"/>
          </ac:cxnSpMkLst>
        </pc:cxnChg>
        <pc:cxnChg chg="add del mod ord modVis">
          <ac:chgData name="Manuel Lidauer" userId="b55e45dd-c6cc-461d-bef5-835fc172e678" providerId="ADAL" clId="{BCD0C6F6-2D95-4A66-B702-D3858BC1FC00}" dt="2019-09-26T09:38:20.877" v="37707"/>
          <ac:cxnSpMkLst>
            <pc:docMk/>
            <pc:sldMk cId="1279582212" sldId="257"/>
            <ac:cxnSpMk id="1110" creationId="{E77B7BAE-E068-49C7-932C-726021126147}"/>
          </ac:cxnSpMkLst>
        </pc:cxnChg>
        <pc:cxnChg chg="add del mod ord modVis">
          <ac:chgData name="Manuel Lidauer" userId="b55e45dd-c6cc-461d-bef5-835fc172e678" providerId="ADAL" clId="{BCD0C6F6-2D95-4A66-B702-D3858BC1FC00}" dt="2019-09-26T09:38:20.876" v="37705"/>
          <ac:cxnSpMkLst>
            <pc:docMk/>
            <pc:sldMk cId="1279582212" sldId="257"/>
            <ac:cxnSpMk id="1111" creationId="{FDA8009C-BB8B-4ECC-838F-939437E866AD}"/>
          </ac:cxnSpMkLst>
        </pc:cxnChg>
        <pc:cxnChg chg="add del mod ord modVis">
          <ac:chgData name="Manuel Lidauer" userId="b55e45dd-c6cc-461d-bef5-835fc172e678" providerId="ADAL" clId="{BCD0C6F6-2D95-4A66-B702-D3858BC1FC00}" dt="2019-09-26T09:38:20.875" v="37703"/>
          <ac:cxnSpMkLst>
            <pc:docMk/>
            <pc:sldMk cId="1279582212" sldId="257"/>
            <ac:cxnSpMk id="1112" creationId="{673505E2-448D-4BAE-9E95-3C007D47402B}"/>
          </ac:cxnSpMkLst>
        </pc:cxnChg>
        <pc:cxnChg chg="add del mod ord modVis">
          <ac:chgData name="Manuel Lidauer" userId="b55e45dd-c6cc-461d-bef5-835fc172e678" providerId="ADAL" clId="{BCD0C6F6-2D95-4A66-B702-D3858BC1FC00}" dt="2019-09-26T09:38:20.875" v="37701"/>
          <ac:cxnSpMkLst>
            <pc:docMk/>
            <pc:sldMk cId="1279582212" sldId="257"/>
            <ac:cxnSpMk id="1113" creationId="{71291F7A-8A87-4162-A4F7-5BFFC73E5045}"/>
          </ac:cxnSpMkLst>
        </pc:cxnChg>
        <pc:cxnChg chg="add del mod ord modVis">
          <ac:chgData name="Manuel Lidauer" userId="b55e45dd-c6cc-461d-bef5-835fc172e678" providerId="ADAL" clId="{BCD0C6F6-2D95-4A66-B702-D3858BC1FC00}" dt="2019-09-26T09:38:20.874" v="37699"/>
          <ac:cxnSpMkLst>
            <pc:docMk/>
            <pc:sldMk cId="1279582212" sldId="257"/>
            <ac:cxnSpMk id="1114" creationId="{C49C920B-A799-4233-9CDE-9459297C996F}"/>
          </ac:cxnSpMkLst>
        </pc:cxnChg>
        <pc:cxnChg chg="add del mod ord modVis">
          <ac:chgData name="Manuel Lidauer" userId="b55e45dd-c6cc-461d-bef5-835fc172e678" providerId="ADAL" clId="{BCD0C6F6-2D95-4A66-B702-D3858BC1FC00}" dt="2019-09-26T09:38:20.873" v="37697"/>
          <ac:cxnSpMkLst>
            <pc:docMk/>
            <pc:sldMk cId="1279582212" sldId="257"/>
            <ac:cxnSpMk id="1115" creationId="{3DD79384-C5FE-4519-B8EE-DE0541667781}"/>
          </ac:cxnSpMkLst>
        </pc:cxnChg>
        <pc:cxnChg chg="add del mod ord modVis">
          <ac:chgData name="Manuel Lidauer" userId="b55e45dd-c6cc-461d-bef5-835fc172e678" providerId="ADAL" clId="{BCD0C6F6-2D95-4A66-B702-D3858BC1FC00}" dt="2019-09-26T09:38:20.873" v="37695"/>
          <ac:cxnSpMkLst>
            <pc:docMk/>
            <pc:sldMk cId="1279582212" sldId="257"/>
            <ac:cxnSpMk id="1116" creationId="{46BB6B5F-F442-475E-8F03-36386A2940A4}"/>
          </ac:cxnSpMkLst>
        </pc:cxnChg>
        <pc:cxnChg chg="add del mod ord modVis">
          <ac:chgData name="Manuel Lidauer" userId="b55e45dd-c6cc-461d-bef5-835fc172e678" providerId="ADAL" clId="{BCD0C6F6-2D95-4A66-B702-D3858BC1FC00}" dt="2019-09-26T09:38:20.872" v="37693"/>
          <ac:cxnSpMkLst>
            <pc:docMk/>
            <pc:sldMk cId="1279582212" sldId="257"/>
            <ac:cxnSpMk id="1117" creationId="{783A96C1-B858-4898-8520-92F7C1846765}"/>
          </ac:cxnSpMkLst>
        </pc:cxnChg>
        <pc:cxnChg chg="add del mod ord modVis">
          <ac:chgData name="Manuel Lidauer" userId="b55e45dd-c6cc-461d-bef5-835fc172e678" providerId="ADAL" clId="{BCD0C6F6-2D95-4A66-B702-D3858BC1FC00}" dt="2019-09-26T09:38:20.871" v="37691"/>
          <ac:cxnSpMkLst>
            <pc:docMk/>
            <pc:sldMk cId="1279582212" sldId="257"/>
            <ac:cxnSpMk id="1118" creationId="{8ED10E70-6BF8-4BFE-A2FB-D8110A8B01CD}"/>
          </ac:cxnSpMkLst>
        </pc:cxnChg>
        <pc:cxnChg chg="add del mod ord modVis">
          <ac:chgData name="Manuel Lidauer" userId="b55e45dd-c6cc-461d-bef5-835fc172e678" providerId="ADAL" clId="{BCD0C6F6-2D95-4A66-B702-D3858BC1FC00}" dt="2019-09-26T09:38:20.871" v="37689"/>
          <ac:cxnSpMkLst>
            <pc:docMk/>
            <pc:sldMk cId="1279582212" sldId="257"/>
            <ac:cxnSpMk id="1119" creationId="{1D9BB234-C2ED-466F-B7FC-74E63A86A707}"/>
          </ac:cxnSpMkLst>
        </pc:cxnChg>
        <pc:cxnChg chg="add del mod ord modVis">
          <ac:chgData name="Manuel Lidauer" userId="b55e45dd-c6cc-461d-bef5-835fc172e678" providerId="ADAL" clId="{BCD0C6F6-2D95-4A66-B702-D3858BC1FC00}" dt="2019-09-26T09:38:20.870" v="37687"/>
          <ac:cxnSpMkLst>
            <pc:docMk/>
            <pc:sldMk cId="1279582212" sldId="257"/>
            <ac:cxnSpMk id="1120" creationId="{0E00B741-7E2E-47C6-AAA9-47908D6D49BF}"/>
          </ac:cxnSpMkLst>
        </pc:cxnChg>
        <pc:cxnChg chg="add del mod ord modVis">
          <ac:chgData name="Manuel Lidauer" userId="b55e45dd-c6cc-461d-bef5-835fc172e678" providerId="ADAL" clId="{BCD0C6F6-2D95-4A66-B702-D3858BC1FC00}" dt="2019-09-26T09:38:20.869" v="37685"/>
          <ac:cxnSpMkLst>
            <pc:docMk/>
            <pc:sldMk cId="1279582212" sldId="257"/>
            <ac:cxnSpMk id="1121" creationId="{69E49419-F756-48DA-ABBD-233F1AB6B2B2}"/>
          </ac:cxnSpMkLst>
        </pc:cxnChg>
        <pc:cxnChg chg="add del mod ord modVis">
          <ac:chgData name="Manuel Lidauer" userId="b55e45dd-c6cc-461d-bef5-835fc172e678" providerId="ADAL" clId="{BCD0C6F6-2D95-4A66-B702-D3858BC1FC00}" dt="2019-09-26T09:38:20.868" v="37683"/>
          <ac:cxnSpMkLst>
            <pc:docMk/>
            <pc:sldMk cId="1279582212" sldId="257"/>
            <ac:cxnSpMk id="1122" creationId="{47F003C6-119A-4495-9375-47F43CE43345}"/>
          </ac:cxnSpMkLst>
        </pc:cxnChg>
        <pc:cxnChg chg="add del mod ord modVis">
          <ac:chgData name="Manuel Lidauer" userId="b55e45dd-c6cc-461d-bef5-835fc172e678" providerId="ADAL" clId="{BCD0C6F6-2D95-4A66-B702-D3858BC1FC00}" dt="2019-09-26T09:38:20.868" v="37681"/>
          <ac:cxnSpMkLst>
            <pc:docMk/>
            <pc:sldMk cId="1279582212" sldId="257"/>
            <ac:cxnSpMk id="1123" creationId="{07BF149E-79A2-42A4-A15F-5DD26175D9CE}"/>
          </ac:cxnSpMkLst>
        </pc:cxnChg>
        <pc:cxnChg chg="add del mod ord modVis">
          <ac:chgData name="Manuel Lidauer" userId="b55e45dd-c6cc-461d-bef5-835fc172e678" providerId="ADAL" clId="{BCD0C6F6-2D95-4A66-B702-D3858BC1FC00}" dt="2019-09-26T09:38:20.867" v="37679"/>
          <ac:cxnSpMkLst>
            <pc:docMk/>
            <pc:sldMk cId="1279582212" sldId="257"/>
            <ac:cxnSpMk id="1124" creationId="{B1F0F1DB-9A04-4A2D-9CFB-47EFE188C3BE}"/>
          </ac:cxnSpMkLst>
        </pc:cxnChg>
        <pc:cxnChg chg="add del mod ord modVis">
          <ac:chgData name="Manuel Lidauer" userId="b55e45dd-c6cc-461d-bef5-835fc172e678" providerId="ADAL" clId="{BCD0C6F6-2D95-4A66-B702-D3858BC1FC00}" dt="2019-09-26T09:38:20.866" v="37677"/>
          <ac:cxnSpMkLst>
            <pc:docMk/>
            <pc:sldMk cId="1279582212" sldId="257"/>
            <ac:cxnSpMk id="1125" creationId="{94629F4D-F594-4650-8F33-FE67D0FA2785}"/>
          </ac:cxnSpMkLst>
        </pc:cxnChg>
        <pc:cxnChg chg="add del mod ord modVis">
          <ac:chgData name="Manuel Lidauer" userId="b55e45dd-c6cc-461d-bef5-835fc172e678" providerId="ADAL" clId="{BCD0C6F6-2D95-4A66-B702-D3858BC1FC00}" dt="2019-09-26T09:38:20.866" v="37675"/>
          <ac:cxnSpMkLst>
            <pc:docMk/>
            <pc:sldMk cId="1279582212" sldId="257"/>
            <ac:cxnSpMk id="1126" creationId="{CE098633-1DB5-4F64-A568-4B67539428C9}"/>
          </ac:cxnSpMkLst>
        </pc:cxnChg>
        <pc:cxnChg chg="add del mod ord modVis">
          <ac:chgData name="Manuel Lidauer" userId="b55e45dd-c6cc-461d-bef5-835fc172e678" providerId="ADAL" clId="{BCD0C6F6-2D95-4A66-B702-D3858BC1FC00}" dt="2019-09-26T09:38:20.865" v="37673"/>
          <ac:cxnSpMkLst>
            <pc:docMk/>
            <pc:sldMk cId="1279582212" sldId="257"/>
            <ac:cxnSpMk id="1127" creationId="{5577FBF2-BDF3-46DF-9385-D9057CB0B391}"/>
          </ac:cxnSpMkLst>
        </pc:cxnChg>
        <pc:cxnChg chg="add del mod ord modVis">
          <ac:chgData name="Manuel Lidauer" userId="b55e45dd-c6cc-461d-bef5-835fc172e678" providerId="ADAL" clId="{BCD0C6F6-2D95-4A66-B702-D3858BC1FC00}" dt="2019-09-26T09:38:20.864" v="37671"/>
          <ac:cxnSpMkLst>
            <pc:docMk/>
            <pc:sldMk cId="1279582212" sldId="257"/>
            <ac:cxnSpMk id="1128" creationId="{7E642F86-B3FD-48CB-871F-6723F0BB0478}"/>
          </ac:cxnSpMkLst>
        </pc:cxnChg>
        <pc:cxnChg chg="add del mod ord modVis">
          <ac:chgData name="Manuel Lidauer" userId="b55e45dd-c6cc-461d-bef5-835fc172e678" providerId="ADAL" clId="{BCD0C6F6-2D95-4A66-B702-D3858BC1FC00}" dt="2019-09-26T09:38:20.864" v="37669"/>
          <ac:cxnSpMkLst>
            <pc:docMk/>
            <pc:sldMk cId="1279582212" sldId="257"/>
            <ac:cxnSpMk id="1129" creationId="{86B0A682-9746-4A24-8ECF-033B89B3C20C}"/>
          </ac:cxnSpMkLst>
        </pc:cxnChg>
        <pc:cxnChg chg="add del mod ord modVis">
          <ac:chgData name="Manuel Lidauer" userId="b55e45dd-c6cc-461d-bef5-835fc172e678" providerId="ADAL" clId="{BCD0C6F6-2D95-4A66-B702-D3858BC1FC00}" dt="2019-09-26T09:38:20.863" v="37667"/>
          <ac:cxnSpMkLst>
            <pc:docMk/>
            <pc:sldMk cId="1279582212" sldId="257"/>
            <ac:cxnSpMk id="1130" creationId="{A92B798F-36CD-4BD3-A052-E8C2AF72FF16}"/>
          </ac:cxnSpMkLst>
        </pc:cxnChg>
        <pc:cxnChg chg="add del mod ord modVis">
          <ac:chgData name="Manuel Lidauer" userId="b55e45dd-c6cc-461d-bef5-835fc172e678" providerId="ADAL" clId="{BCD0C6F6-2D95-4A66-B702-D3858BC1FC00}" dt="2019-09-26T09:38:20.862" v="37665"/>
          <ac:cxnSpMkLst>
            <pc:docMk/>
            <pc:sldMk cId="1279582212" sldId="257"/>
            <ac:cxnSpMk id="1131" creationId="{F6F417E5-3A9B-4680-AF0B-416D862D3071}"/>
          </ac:cxnSpMkLst>
        </pc:cxnChg>
        <pc:cxnChg chg="add del mod ord modVis">
          <ac:chgData name="Manuel Lidauer" userId="b55e45dd-c6cc-461d-bef5-835fc172e678" providerId="ADAL" clId="{BCD0C6F6-2D95-4A66-B702-D3858BC1FC00}" dt="2019-09-26T09:38:20.861" v="37663"/>
          <ac:cxnSpMkLst>
            <pc:docMk/>
            <pc:sldMk cId="1279582212" sldId="257"/>
            <ac:cxnSpMk id="1132" creationId="{1A4A2B4E-5B35-40CC-9BFD-1D60B214B5D1}"/>
          </ac:cxnSpMkLst>
        </pc:cxnChg>
        <pc:cxnChg chg="add del mod ord modVis">
          <ac:chgData name="Manuel Lidauer" userId="b55e45dd-c6cc-461d-bef5-835fc172e678" providerId="ADAL" clId="{BCD0C6F6-2D95-4A66-B702-D3858BC1FC00}" dt="2019-09-26T09:38:20.861" v="37661"/>
          <ac:cxnSpMkLst>
            <pc:docMk/>
            <pc:sldMk cId="1279582212" sldId="257"/>
            <ac:cxnSpMk id="1133" creationId="{4EF4370B-1F1B-44D2-BCEA-F24FD2ADCFFA}"/>
          </ac:cxnSpMkLst>
        </pc:cxnChg>
        <pc:cxnChg chg="add del mod ord modVis">
          <ac:chgData name="Manuel Lidauer" userId="b55e45dd-c6cc-461d-bef5-835fc172e678" providerId="ADAL" clId="{BCD0C6F6-2D95-4A66-B702-D3858BC1FC00}" dt="2019-09-26T09:38:20.859" v="37659"/>
          <ac:cxnSpMkLst>
            <pc:docMk/>
            <pc:sldMk cId="1279582212" sldId="257"/>
            <ac:cxnSpMk id="1134" creationId="{D4030B87-7F86-4FC7-87E5-FA58E0130FBE}"/>
          </ac:cxnSpMkLst>
        </pc:cxnChg>
        <pc:cxnChg chg="add del mod ord modVis">
          <ac:chgData name="Manuel Lidauer" userId="b55e45dd-c6cc-461d-bef5-835fc172e678" providerId="ADAL" clId="{BCD0C6F6-2D95-4A66-B702-D3858BC1FC00}" dt="2019-09-26T09:38:20.859" v="37657"/>
          <ac:cxnSpMkLst>
            <pc:docMk/>
            <pc:sldMk cId="1279582212" sldId="257"/>
            <ac:cxnSpMk id="1135" creationId="{6C76AF98-D891-41B6-AC99-18BF53A4AE0C}"/>
          </ac:cxnSpMkLst>
        </pc:cxnChg>
        <pc:cxnChg chg="add del mod">
          <ac:chgData name="Manuel Lidauer" userId="b55e45dd-c6cc-461d-bef5-835fc172e678" providerId="ADAL" clId="{BCD0C6F6-2D95-4A66-B702-D3858BC1FC00}" dt="2019-09-26T09:45:26.536" v="50403"/>
          <ac:cxnSpMkLst>
            <pc:docMk/>
            <pc:sldMk cId="1279582212" sldId="257"/>
            <ac:cxnSpMk id="1433" creationId="{8942BC1D-5253-4AD2-8468-FCCA20FE33EF}"/>
          </ac:cxnSpMkLst>
        </pc:cxnChg>
        <pc:cxnChg chg="add del mod">
          <ac:chgData name="Manuel Lidauer" userId="b55e45dd-c6cc-461d-bef5-835fc172e678" providerId="ADAL" clId="{BCD0C6F6-2D95-4A66-B702-D3858BC1FC00}" dt="2019-09-26T09:45:26.538" v="50407"/>
          <ac:cxnSpMkLst>
            <pc:docMk/>
            <pc:sldMk cId="1279582212" sldId="257"/>
            <ac:cxnSpMk id="1435" creationId="{AE084967-33A3-4BBD-9696-F474DE4DEF86}"/>
          </ac:cxnSpMkLst>
        </pc:cxnChg>
        <pc:cxnChg chg="add del mod">
          <ac:chgData name="Manuel Lidauer" userId="b55e45dd-c6cc-461d-bef5-835fc172e678" providerId="ADAL" clId="{BCD0C6F6-2D95-4A66-B702-D3858BC1FC00}" dt="2019-09-26T09:45:26.539" v="50411"/>
          <ac:cxnSpMkLst>
            <pc:docMk/>
            <pc:sldMk cId="1279582212" sldId="257"/>
            <ac:cxnSpMk id="1437" creationId="{8C6BA9D5-1044-406C-BBAA-375B7EB86C15}"/>
          </ac:cxnSpMkLst>
        </pc:cxnChg>
        <pc:cxnChg chg="add del mod">
          <ac:chgData name="Manuel Lidauer" userId="b55e45dd-c6cc-461d-bef5-835fc172e678" providerId="ADAL" clId="{BCD0C6F6-2D95-4A66-B702-D3858BC1FC00}" dt="2019-09-26T09:45:26.541" v="50415"/>
          <ac:cxnSpMkLst>
            <pc:docMk/>
            <pc:sldMk cId="1279582212" sldId="257"/>
            <ac:cxnSpMk id="1439" creationId="{31A49868-180E-485A-94A4-A42CA778A4CE}"/>
          </ac:cxnSpMkLst>
        </pc:cxnChg>
        <pc:cxnChg chg="add del mod">
          <ac:chgData name="Manuel Lidauer" userId="b55e45dd-c6cc-461d-bef5-835fc172e678" providerId="ADAL" clId="{BCD0C6F6-2D95-4A66-B702-D3858BC1FC00}" dt="2019-09-26T09:45:26.542" v="50419"/>
          <ac:cxnSpMkLst>
            <pc:docMk/>
            <pc:sldMk cId="1279582212" sldId="257"/>
            <ac:cxnSpMk id="1441" creationId="{1A757E78-A3DB-45F9-A06E-8B4045A63BEB}"/>
          </ac:cxnSpMkLst>
        </pc:cxnChg>
        <pc:cxnChg chg="add del mod">
          <ac:chgData name="Manuel Lidauer" userId="b55e45dd-c6cc-461d-bef5-835fc172e678" providerId="ADAL" clId="{BCD0C6F6-2D95-4A66-B702-D3858BC1FC00}" dt="2019-09-26T09:45:26.543" v="50423"/>
          <ac:cxnSpMkLst>
            <pc:docMk/>
            <pc:sldMk cId="1279582212" sldId="257"/>
            <ac:cxnSpMk id="1443" creationId="{6FFD2FC4-4F5F-4601-A69A-FA1F259038C2}"/>
          </ac:cxnSpMkLst>
        </pc:cxnChg>
        <pc:cxnChg chg="add del mod">
          <ac:chgData name="Manuel Lidauer" userId="b55e45dd-c6cc-461d-bef5-835fc172e678" providerId="ADAL" clId="{BCD0C6F6-2D95-4A66-B702-D3858BC1FC00}" dt="2019-09-26T09:45:26.545" v="50427"/>
          <ac:cxnSpMkLst>
            <pc:docMk/>
            <pc:sldMk cId="1279582212" sldId="257"/>
            <ac:cxnSpMk id="1445" creationId="{C7D39F5F-EEFD-45EC-A605-00BFB3335AA8}"/>
          </ac:cxnSpMkLst>
        </pc:cxnChg>
        <pc:cxnChg chg="add del mod">
          <ac:chgData name="Manuel Lidauer" userId="b55e45dd-c6cc-461d-bef5-835fc172e678" providerId="ADAL" clId="{BCD0C6F6-2D95-4A66-B702-D3858BC1FC00}" dt="2019-09-26T09:45:26.546" v="50431"/>
          <ac:cxnSpMkLst>
            <pc:docMk/>
            <pc:sldMk cId="1279582212" sldId="257"/>
            <ac:cxnSpMk id="1447" creationId="{6135F165-FBAC-4135-9EA0-86739B83888C}"/>
          </ac:cxnSpMkLst>
        </pc:cxnChg>
        <pc:cxnChg chg="add del mod ord modVis">
          <ac:chgData name="Manuel Lidauer" userId="b55e45dd-c6cc-461d-bef5-835fc172e678" providerId="ADAL" clId="{BCD0C6F6-2D95-4A66-B702-D3858BC1FC00}" dt="2019-09-26T09:45:26.530" v="50390"/>
          <ac:cxnSpMkLst>
            <pc:docMk/>
            <pc:sldMk cId="1279582212" sldId="257"/>
            <ac:cxnSpMk id="1449" creationId="{E9B1EBBA-47C2-4F24-A519-03EE9DE9E3C7}"/>
          </ac:cxnSpMkLst>
        </pc:cxnChg>
        <pc:cxnChg chg="add del mod ord modVis">
          <ac:chgData name="Manuel Lidauer" userId="b55e45dd-c6cc-461d-bef5-835fc172e678" providerId="ADAL" clId="{BCD0C6F6-2D95-4A66-B702-D3858BC1FC00}" dt="2019-09-26T09:45:26.530" v="50388"/>
          <ac:cxnSpMkLst>
            <pc:docMk/>
            <pc:sldMk cId="1279582212" sldId="257"/>
            <ac:cxnSpMk id="1450" creationId="{259A7F41-DF7E-48EF-B23C-EE537A7ADDA0}"/>
          </ac:cxnSpMkLst>
        </pc:cxnChg>
        <pc:cxnChg chg="add del mod ord modVis">
          <ac:chgData name="Manuel Lidauer" userId="b55e45dd-c6cc-461d-bef5-835fc172e678" providerId="ADAL" clId="{BCD0C6F6-2D95-4A66-B702-D3858BC1FC00}" dt="2019-09-26T09:45:26.529" v="50386"/>
          <ac:cxnSpMkLst>
            <pc:docMk/>
            <pc:sldMk cId="1279582212" sldId="257"/>
            <ac:cxnSpMk id="1451" creationId="{ABC55011-66F7-4953-98CA-64F9D7D46B68}"/>
          </ac:cxnSpMkLst>
        </pc:cxnChg>
        <pc:cxnChg chg="add del mod ord modVis">
          <ac:chgData name="Manuel Lidauer" userId="b55e45dd-c6cc-461d-bef5-835fc172e678" providerId="ADAL" clId="{BCD0C6F6-2D95-4A66-B702-D3858BC1FC00}" dt="2019-09-26T09:45:26.528" v="50384"/>
          <ac:cxnSpMkLst>
            <pc:docMk/>
            <pc:sldMk cId="1279582212" sldId="257"/>
            <ac:cxnSpMk id="1452" creationId="{7FE4AC8D-8435-4230-B2F4-21B740FF027C}"/>
          </ac:cxnSpMkLst>
        </pc:cxnChg>
        <pc:cxnChg chg="add del mod ord modVis">
          <ac:chgData name="Manuel Lidauer" userId="b55e45dd-c6cc-461d-bef5-835fc172e678" providerId="ADAL" clId="{BCD0C6F6-2D95-4A66-B702-D3858BC1FC00}" dt="2019-09-26T09:45:26.528" v="50382"/>
          <ac:cxnSpMkLst>
            <pc:docMk/>
            <pc:sldMk cId="1279582212" sldId="257"/>
            <ac:cxnSpMk id="1453" creationId="{A3BFC465-8A27-4EBA-871E-2B26E44FC098}"/>
          </ac:cxnSpMkLst>
        </pc:cxnChg>
        <pc:cxnChg chg="add del mod ord modVis">
          <ac:chgData name="Manuel Lidauer" userId="b55e45dd-c6cc-461d-bef5-835fc172e678" providerId="ADAL" clId="{BCD0C6F6-2D95-4A66-B702-D3858BC1FC00}" dt="2019-09-26T09:45:26.527" v="50380"/>
          <ac:cxnSpMkLst>
            <pc:docMk/>
            <pc:sldMk cId="1279582212" sldId="257"/>
            <ac:cxnSpMk id="1454" creationId="{A752A08C-159D-4C20-A83D-454C0B464B68}"/>
          </ac:cxnSpMkLst>
        </pc:cxnChg>
        <pc:cxnChg chg="add del mod ord modVis">
          <ac:chgData name="Manuel Lidauer" userId="b55e45dd-c6cc-461d-bef5-835fc172e678" providerId="ADAL" clId="{BCD0C6F6-2D95-4A66-B702-D3858BC1FC00}" dt="2019-09-26T09:45:26.526" v="50378"/>
          <ac:cxnSpMkLst>
            <pc:docMk/>
            <pc:sldMk cId="1279582212" sldId="257"/>
            <ac:cxnSpMk id="1455" creationId="{2FB4C5EE-3491-4B7C-8FC1-9152B5D68912}"/>
          </ac:cxnSpMkLst>
        </pc:cxnChg>
        <pc:cxnChg chg="add del mod ord modVis">
          <ac:chgData name="Manuel Lidauer" userId="b55e45dd-c6cc-461d-bef5-835fc172e678" providerId="ADAL" clId="{BCD0C6F6-2D95-4A66-B702-D3858BC1FC00}" dt="2019-09-26T09:45:26.526" v="50376"/>
          <ac:cxnSpMkLst>
            <pc:docMk/>
            <pc:sldMk cId="1279582212" sldId="257"/>
            <ac:cxnSpMk id="1456" creationId="{26D34585-B23D-4F23-9603-1DB283D95C45}"/>
          </ac:cxnSpMkLst>
        </pc:cxnChg>
        <pc:cxnChg chg="add del mod ord modVis">
          <ac:chgData name="Manuel Lidauer" userId="b55e45dd-c6cc-461d-bef5-835fc172e678" providerId="ADAL" clId="{BCD0C6F6-2D95-4A66-B702-D3858BC1FC00}" dt="2019-09-26T09:45:26.525" v="50374"/>
          <ac:cxnSpMkLst>
            <pc:docMk/>
            <pc:sldMk cId="1279582212" sldId="257"/>
            <ac:cxnSpMk id="1457" creationId="{71EFEC32-3564-4CB8-BF6F-AB224A46BDC7}"/>
          </ac:cxnSpMkLst>
        </pc:cxnChg>
        <pc:cxnChg chg="add del mod ord modVis">
          <ac:chgData name="Manuel Lidauer" userId="b55e45dd-c6cc-461d-bef5-835fc172e678" providerId="ADAL" clId="{BCD0C6F6-2D95-4A66-B702-D3858BC1FC00}" dt="2019-09-26T09:45:26.524" v="50372"/>
          <ac:cxnSpMkLst>
            <pc:docMk/>
            <pc:sldMk cId="1279582212" sldId="257"/>
            <ac:cxnSpMk id="1458" creationId="{4690BC57-3D40-40AA-B00E-E9314D9379B7}"/>
          </ac:cxnSpMkLst>
        </pc:cxnChg>
        <pc:cxnChg chg="add del mod ord modVis">
          <ac:chgData name="Manuel Lidauer" userId="b55e45dd-c6cc-461d-bef5-835fc172e678" providerId="ADAL" clId="{BCD0C6F6-2D95-4A66-B702-D3858BC1FC00}" dt="2019-09-26T09:45:26.524" v="50370"/>
          <ac:cxnSpMkLst>
            <pc:docMk/>
            <pc:sldMk cId="1279582212" sldId="257"/>
            <ac:cxnSpMk id="1459" creationId="{3A78C9FB-2BEF-4F24-9AED-5A81A69A1189}"/>
          </ac:cxnSpMkLst>
        </pc:cxnChg>
        <pc:cxnChg chg="add del mod ord modVis">
          <ac:chgData name="Manuel Lidauer" userId="b55e45dd-c6cc-461d-bef5-835fc172e678" providerId="ADAL" clId="{BCD0C6F6-2D95-4A66-B702-D3858BC1FC00}" dt="2019-09-26T09:45:26.523" v="50368"/>
          <ac:cxnSpMkLst>
            <pc:docMk/>
            <pc:sldMk cId="1279582212" sldId="257"/>
            <ac:cxnSpMk id="1460" creationId="{B3CFD812-5907-46C8-AEFE-72286A06FD71}"/>
          </ac:cxnSpMkLst>
        </pc:cxnChg>
        <pc:cxnChg chg="add del mod ord modVis">
          <ac:chgData name="Manuel Lidauer" userId="b55e45dd-c6cc-461d-bef5-835fc172e678" providerId="ADAL" clId="{BCD0C6F6-2D95-4A66-B702-D3858BC1FC00}" dt="2019-09-26T09:45:26.522" v="50366"/>
          <ac:cxnSpMkLst>
            <pc:docMk/>
            <pc:sldMk cId="1279582212" sldId="257"/>
            <ac:cxnSpMk id="1461" creationId="{0D86E9C9-817D-4279-B986-88E32B0DA7F6}"/>
          </ac:cxnSpMkLst>
        </pc:cxnChg>
        <pc:cxnChg chg="add del mod ord modVis">
          <ac:chgData name="Manuel Lidauer" userId="b55e45dd-c6cc-461d-bef5-835fc172e678" providerId="ADAL" clId="{BCD0C6F6-2D95-4A66-B702-D3858BC1FC00}" dt="2019-09-26T09:45:26.521" v="50364"/>
          <ac:cxnSpMkLst>
            <pc:docMk/>
            <pc:sldMk cId="1279582212" sldId="257"/>
            <ac:cxnSpMk id="1462" creationId="{D954997B-6E35-4EA3-AFF1-8EE495DFE73A}"/>
          </ac:cxnSpMkLst>
        </pc:cxnChg>
        <pc:cxnChg chg="add del mod ord modVis">
          <ac:chgData name="Manuel Lidauer" userId="b55e45dd-c6cc-461d-bef5-835fc172e678" providerId="ADAL" clId="{BCD0C6F6-2D95-4A66-B702-D3858BC1FC00}" dt="2019-09-26T09:45:26.521" v="50362"/>
          <ac:cxnSpMkLst>
            <pc:docMk/>
            <pc:sldMk cId="1279582212" sldId="257"/>
            <ac:cxnSpMk id="1463" creationId="{6BD97E90-5016-4E9C-83A0-F97839AB328E}"/>
          </ac:cxnSpMkLst>
        </pc:cxnChg>
        <pc:cxnChg chg="add del mod ord modVis">
          <ac:chgData name="Manuel Lidauer" userId="b55e45dd-c6cc-461d-bef5-835fc172e678" providerId="ADAL" clId="{BCD0C6F6-2D95-4A66-B702-D3858BC1FC00}" dt="2019-09-26T09:45:26.520" v="50360"/>
          <ac:cxnSpMkLst>
            <pc:docMk/>
            <pc:sldMk cId="1279582212" sldId="257"/>
            <ac:cxnSpMk id="1464" creationId="{8AB64FA2-10D8-4C72-BDBB-2532435639D7}"/>
          </ac:cxnSpMkLst>
        </pc:cxnChg>
        <pc:cxnChg chg="add del mod ord modVis">
          <ac:chgData name="Manuel Lidauer" userId="b55e45dd-c6cc-461d-bef5-835fc172e678" providerId="ADAL" clId="{BCD0C6F6-2D95-4A66-B702-D3858BC1FC00}" dt="2019-09-26T09:45:26.519" v="50358"/>
          <ac:cxnSpMkLst>
            <pc:docMk/>
            <pc:sldMk cId="1279582212" sldId="257"/>
            <ac:cxnSpMk id="1465" creationId="{C4A2F96C-AF2E-46CE-A9F8-0F132ACA363B}"/>
          </ac:cxnSpMkLst>
        </pc:cxnChg>
        <pc:cxnChg chg="add del mod ord modVis">
          <ac:chgData name="Manuel Lidauer" userId="b55e45dd-c6cc-461d-bef5-835fc172e678" providerId="ADAL" clId="{BCD0C6F6-2D95-4A66-B702-D3858BC1FC00}" dt="2019-09-26T09:45:26.519" v="50356"/>
          <ac:cxnSpMkLst>
            <pc:docMk/>
            <pc:sldMk cId="1279582212" sldId="257"/>
            <ac:cxnSpMk id="1466" creationId="{14B43E98-6FDC-4D2B-BE7D-014198AA688B}"/>
          </ac:cxnSpMkLst>
        </pc:cxnChg>
        <pc:cxnChg chg="add del mod ord modVis">
          <ac:chgData name="Manuel Lidauer" userId="b55e45dd-c6cc-461d-bef5-835fc172e678" providerId="ADAL" clId="{BCD0C6F6-2D95-4A66-B702-D3858BC1FC00}" dt="2019-09-26T09:45:26.517" v="50354"/>
          <ac:cxnSpMkLst>
            <pc:docMk/>
            <pc:sldMk cId="1279582212" sldId="257"/>
            <ac:cxnSpMk id="1467" creationId="{DD68657F-7AF2-4D51-B9CA-8EE9555361E7}"/>
          </ac:cxnSpMkLst>
        </pc:cxnChg>
        <pc:cxnChg chg="add del mod ord modVis">
          <ac:chgData name="Manuel Lidauer" userId="b55e45dd-c6cc-461d-bef5-835fc172e678" providerId="ADAL" clId="{BCD0C6F6-2D95-4A66-B702-D3858BC1FC00}" dt="2019-09-26T09:45:26.516" v="50352"/>
          <ac:cxnSpMkLst>
            <pc:docMk/>
            <pc:sldMk cId="1279582212" sldId="257"/>
            <ac:cxnSpMk id="1468" creationId="{441E0401-05F1-4EEC-A960-B063ECE6A128}"/>
          </ac:cxnSpMkLst>
        </pc:cxnChg>
        <pc:cxnChg chg="add del mod ord modVis">
          <ac:chgData name="Manuel Lidauer" userId="b55e45dd-c6cc-461d-bef5-835fc172e678" providerId="ADAL" clId="{BCD0C6F6-2D95-4A66-B702-D3858BC1FC00}" dt="2019-09-26T09:45:26.515" v="50350"/>
          <ac:cxnSpMkLst>
            <pc:docMk/>
            <pc:sldMk cId="1279582212" sldId="257"/>
            <ac:cxnSpMk id="1469" creationId="{CB8DD85C-FB6C-4C1C-86F5-686C5A72C54E}"/>
          </ac:cxnSpMkLst>
        </pc:cxnChg>
        <pc:cxnChg chg="add del mod ord modVis">
          <ac:chgData name="Manuel Lidauer" userId="b55e45dd-c6cc-461d-bef5-835fc172e678" providerId="ADAL" clId="{BCD0C6F6-2D95-4A66-B702-D3858BC1FC00}" dt="2019-09-26T09:45:26.514" v="50348"/>
          <ac:cxnSpMkLst>
            <pc:docMk/>
            <pc:sldMk cId="1279582212" sldId="257"/>
            <ac:cxnSpMk id="1470" creationId="{E37D56AF-4118-40DD-8740-97555EB4C9CA}"/>
          </ac:cxnSpMkLst>
        </pc:cxnChg>
        <pc:cxnChg chg="add del mod ord modVis">
          <ac:chgData name="Manuel Lidauer" userId="b55e45dd-c6cc-461d-bef5-835fc172e678" providerId="ADAL" clId="{BCD0C6F6-2D95-4A66-B702-D3858BC1FC00}" dt="2019-09-26T09:45:26.514" v="50346"/>
          <ac:cxnSpMkLst>
            <pc:docMk/>
            <pc:sldMk cId="1279582212" sldId="257"/>
            <ac:cxnSpMk id="1471" creationId="{C17F0781-CE79-4BF5-B0D3-F63CFFEB56D8}"/>
          </ac:cxnSpMkLst>
        </pc:cxnChg>
        <pc:cxnChg chg="add del mod ord modVis">
          <ac:chgData name="Manuel Lidauer" userId="b55e45dd-c6cc-461d-bef5-835fc172e678" providerId="ADAL" clId="{BCD0C6F6-2D95-4A66-B702-D3858BC1FC00}" dt="2019-09-26T09:45:26.513" v="50344"/>
          <ac:cxnSpMkLst>
            <pc:docMk/>
            <pc:sldMk cId="1279582212" sldId="257"/>
            <ac:cxnSpMk id="1472" creationId="{8C2C41BD-6599-4578-9763-1E2150E195FD}"/>
          </ac:cxnSpMkLst>
        </pc:cxnChg>
        <pc:cxnChg chg="add del mod ord modVis">
          <ac:chgData name="Manuel Lidauer" userId="b55e45dd-c6cc-461d-bef5-835fc172e678" providerId="ADAL" clId="{BCD0C6F6-2D95-4A66-B702-D3858BC1FC00}" dt="2019-09-26T09:45:26.512" v="50342"/>
          <ac:cxnSpMkLst>
            <pc:docMk/>
            <pc:sldMk cId="1279582212" sldId="257"/>
            <ac:cxnSpMk id="1473" creationId="{AF2DB714-D25E-4F6F-AE06-3578D6E5A0B0}"/>
          </ac:cxnSpMkLst>
        </pc:cxnChg>
        <pc:cxnChg chg="add del mod ord modVis">
          <ac:chgData name="Manuel Lidauer" userId="b55e45dd-c6cc-461d-bef5-835fc172e678" providerId="ADAL" clId="{BCD0C6F6-2D95-4A66-B702-D3858BC1FC00}" dt="2019-09-26T09:45:26.512" v="50340"/>
          <ac:cxnSpMkLst>
            <pc:docMk/>
            <pc:sldMk cId="1279582212" sldId="257"/>
            <ac:cxnSpMk id="1474" creationId="{96118811-9EE8-40AE-A651-4B5F0DFE8ED8}"/>
          </ac:cxnSpMkLst>
        </pc:cxnChg>
        <pc:cxnChg chg="add del mod ord modVis">
          <ac:chgData name="Manuel Lidauer" userId="b55e45dd-c6cc-461d-bef5-835fc172e678" providerId="ADAL" clId="{BCD0C6F6-2D95-4A66-B702-D3858BC1FC00}" dt="2019-09-26T09:45:26.511" v="50338"/>
          <ac:cxnSpMkLst>
            <pc:docMk/>
            <pc:sldMk cId="1279582212" sldId="257"/>
            <ac:cxnSpMk id="1475" creationId="{AFA95E42-69AB-46F7-8F20-2CE086CD2DD3}"/>
          </ac:cxnSpMkLst>
        </pc:cxnChg>
        <pc:cxnChg chg="add del mod ord modVis">
          <ac:chgData name="Manuel Lidauer" userId="b55e45dd-c6cc-461d-bef5-835fc172e678" providerId="ADAL" clId="{BCD0C6F6-2D95-4A66-B702-D3858BC1FC00}" dt="2019-09-26T09:45:26.510" v="50336"/>
          <ac:cxnSpMkLst>
            <pc:docMk/>
            <pc:sldMk cId="1279582212" sldId="257"/>
            <ac:cxnSpMk id="1476" creationId="{6CB61FC9-6394-486A-8D39-23735C5BDD7E}"/>
          </ac:cxnSpMkLst>
        </pc:cxnChg>
        <pc:cxnChg chg="add del mod ord modVis">
          <ac:chgData name="Manuel Lidauer" userId="b55e45dd-c6cc-461d-bef5-835fc172e678" providerId="ADAL" clId="{BCD0C6F6-2D95-4A66-B702-D3858BC1FC00}" dt="2019-09-26T09:45:26.510" v="50334"/>
          <ac:cxnSpMkLst>
            <pc:docMk/>
            <pc:sldMk cId="1279582212" sldId="257"/>
            <ac:cxnSpMk id="1477" creationId="{B28CE1FD-F8C1-42CC-9668-93017571833A}"/>
          </ac:cxnSpMkLst>
        </pc:cxnChg>
        <pc:cxnChg chg="add del mod ord modVis">
          <ac:chgData name="Manuel Lidauer" userId="b55e45dd-c6cc-461d-bef5-835fc172e678" providerId="ADAL" clId="{BCD0C6F6-2D95-4A66-B702-D3858BC1FC00}" dt="2019-09-26T09:45:26.509" v="50332"/>
          <ac:cxnSpMkLst>
            <pc:docMk/>
            <pc:sldMk cId="1279582212" sldId="257"/>
            <ac:cxnSpMk id="1478" creationId="{20D9DEC8-911B-4D54-A55D-976201295709}"/>
          </ac:cxnSpMkLst>
        </pc:cxnChg>
        <pc:cxnChg chg="add del mod ord modVis">
          <ac:chgData name="Manuel Lidauer" userId="b55e45dd-c6cc-461d-bef5-835fc172e678" providerId="ADAL" clId="{BCD0C6F6-2D95-4A66-B702-D3858BC1FC00}" dt="2019-09-26T09:45:26.508" v="50330"/>
          <ac:cxnSpMkLst>
            <pc:docMk/>
            <pc:sldMk cId="1279582212" sldId="257"/>
            <ac:cxnSpMk id="1479" creationId="{84611D85-A5CA-423D-9BB2-4F781A4ED4C3}"/>
          </ac:cxnSpMkLst>
        </pc:cxnChg>
        <pc:cxnChg chg="add del mod ord modVis">
          <ac:chgData name="Manuel Lidauer" userId="b55e45dd-c6cc-461d-bef5-835fc172e678" providerId="ADAL" clId="{BCD0C6F6-2D95-4A66-B702-D3858BC1FC00}" dt="2019-09-26T09:45:26.508" v="50328"/>
          <ac:cxnSpMkLst>
            <pc:docMk/>
            <pc:sldMk cId="1279582212" sldId="257"/>
            <ac:cxnSpMk id="1480" creationId="{CAD9466E-D907-4922-8311-EFE3CA8FA351}"/>
          </ac:cxnSpMkLst>
        </pc:cxnChg>
        <pc:cxnChg chg="add del mod ord modVis">
          <ac:chgData name="Manuel Lidauer" userId="b55e45dd-c6cc-461d-bef5-835fc172e678" providerId="ADAL" clId="{BCD0C6F6-2D95-4A66-B702-D3858BC1FC00}" dt="2019-09-26T09:45:26.507" v="50326"/>
          <ac:cxnSpMkLst>
            <pc:docMk/>
            <pc:sldMk cId="1279582212" sldId="257"/>
            <ac:cxnSpMk id="1481" creationId="{8E6E7A4A-253E-4C76-A8C7-654A7D46E7D5}"/>
          </ac:cxnSpMkLst>
        </pc:cxnChg>
        <pc:cxnChg chg="add del mod ord modVis">
          <ac:chgData name="Manuel Lidauer" userId="b55e45dd-c6cc-461d-bef5-835fc172e678" providerId="ADAL" clId="{BCD0C6F6-2D95-4A66-B702-D3858BC1FC00}" dt="2019-09-26T09:45:26.506" v="50324"/>
          <ac:cxnSpMkLst>
            <pc:docMk/>
            <pc:sldMk cId="1279582212" sldId="257"/>
            <ac:cxnSpMk id="1482" creationId="{833022DB-5FC6-4AD3-953A-D5C44A228990}"/>
          </ac:cxnSpMkLst>
        </pc:cxnChg>
        <pc:cxnChg chg="add del mod ord modVis">
          <ac:chgData name="Manuel Lidauer" userId="b55e45dd-c6cc-461d-bef5-835fc172e678" providerId="ADAL" clId="{BCD0C6F6-2D95-4A66-B702-D3858BC1FC00}" dt="2019-09-26T09:45:26.505" v="50322"/>
          <ac:cxnSpMkLst>
            <pc:docMk/>
            <pc:sldMk cId="1279582212" sldId="257"/>
            <ac:cxnSpMk id="1483" creationId="{538FDCFA-20B6-4845-9F56-B6366826FC6C}"/>
          </ac:cxnSpMkLst>
        </pc:cxnChg>
        <pc:cxnChg chg="add del mod ord modVis">
          <ac:chgData name="Manuel Lidauer" userId="b55e45dd-c6cc-461d-bef5-835fc172e678" providerId="ADAL" clId="{BCD0C6F6-2D95-4A66-B702-D3858BC1FC00}" dt="2019-09-26T09:45:26.505" v="50320"/>
          <ac:cxnSpMkLst>
            <pc:docMk/>
            <pc:sldMk cId="1279582212" sldId="257"/>
            <ac:cxnSpMk id="1484" creationId="{79A26E59-4A75-47DC-883C-20B73A4EE7C6}"/>
          </ac:cxnSpMkLst>
        </pc:cxnChg>
        <pc:cxnChg chg="add del mod ord modVis">
          <ac:chgData name="Manuel Lidauer" userId="b55e45dd-c6cc-461d-bef5-835fc172e678" providerId="ADAL" clId="{BCD0C6F6-2D95-4A66-B702-D3858BC1FC00}" dt="2019-09-26T09:45:26.504" v="50318"/>
          <ac:cxnSpMkLst>
            <pc:docMk/>
            <pc:sldMk cId="1279582212" sldId="257"/>
            <ac:cxnSpMk id="1485" creationId="{063BFC11-9E96-4E2B-9785-9F3C697E1C3B}"/>
          </ac:cxnSpMkLst>
        </pc:cxnChg>
        <pc:cxnChg chg="add del mod ord modVis">
          <ac:chgData name="Manuel Lidauer" userId="b55e45dd-c6cc-461d-bef5-835fc172e678" providerId="ADAL" clId="{BCD0C6F6-2D95-4A66-B702-D3858BC1FC00}" dt="2019-09-26T09:45:26.503" v="50316"/>
          <ac:cxnSpMkLst>
            <pc:docMk/>
            <pc:sldMk cId="1279582212" sldId="257"/>
            <ac:cxnSpMk id="1486" creationId="{EB39D23F-FF88-4CA3-8CBF-55015C3B89E4}"/>
          </ac:cxnSpMkLst>
        </pc:cxnChg>
        <pc:cxnChg chg="add del mod ord modVis">
          <ac:chgData name="Manuel Lidauer" userId="b55e45dd-c6cc-461d-bef5-835fc172e678" providerId="ADAL" clId="{BCD0C6F6-2D95-4A66-B702-D3858BC1FC00}" dt="2019-09-26T09:45:26.502" v="50314"/>
          <ac:cxnSpMkLst>
            <pc:docMk/>
            <pc:sldMk cId="1279582212" sldId="257"/>
            <ac:cxnSpMk id="1487" creationId="{FEFF076A-9C41-4D0A-95C8-3DE3FE991CC9}"/>
          </ac:cxnSpMkLst>
        </pc:cxnChg>
        <pc:cxnChg chg="add del mod ord modVis">
          <ac:chgData name="Manuel Lidauer" userId="b55e45dd-c6cc-461d-bef5-835fc172e678" providerId="ADAL" clId="{BCD0C6F6-2D95-4A66-B702-D3858BC1FC00}" dt="2019-09-26T09:45:26.501" v="50312"/>
          <ac:cxnSpMkLst>
            <pc:docMk/>
            <pc:sldMk cId="1279582212" sldId="257"/>
            <ac:cxnSpMk id="1488" creationId="{853C558B-53AC-42CE-BE8F-77D000EBCDDD}"/>
          </ac:cxnSpMkLst>
        </pc:cxnChg>
        <pc:cxnChg chg="add del mod">
          <ac:chgData name="Manuel Lidauer" userId="b55e45dd-c6cc-461d-bef5-835fc172e678" providerId="ADAL" clId="{BCD0C6F6-2D95-4A66-B702-D3858BC1FC00}" dt="2019-09-26T10:15:33.369" v="63056"/>
          <ac:cxnSpMkLst>
            <pc:docMk/>
            <pc:sldMk cId="1279582212" sldId="257"/>
            <ac:cxnSpMk id="1786" creationId="{E25D659D-F57B-410F-B66A-2438DC5F6F2F}"/>
          </ac:cxnSpMkLst>
        </pc:cxnChg>
        <pc:cxnChg chg="add del mod">
          <ac:chgData name="Manuel Lidauer" userId="b55e45dd-c6cc-461d-bef5-835fc172e678" providerId="ADAL" clId="{BCD0C6F6-2D95-4A66-B702-D3858BC1FC00}" dt="2019-09-26T10:15:33.371" v="63060"/>
          <ac:cxnSpMkLst>
            <pc:docMk/>
            <pc:sldMk cId="1279582212" sldId="257"/>
            <ac:cxnSpMk id="1788" creationId="{575CCB41-E9CA-4375-8778-DF5F7E4F1A47}"/>
          </ac:cxnSpMkLst>
        </pc:cxnChg>
        <pc:cxnChg chg="add del mod">
          <ac:chgData name="Manuel Lidauer" userId="b55e45dd-c6cc-461d-bef5-835fc172e678" providerId="ADAL" clId="{BCD0C6F6-2D95-4A66-B702-D3858BC1FC00}" dt="2019-09-26T10:15:33.373" v="63064"/>
          <ac:cxnSpMkLst>
            <pc:docMk/>
            <pc:sldMk cId="1279582212" sldId="257"/>
            <ac:cxnSpMk id="1790" creationId="{714A730F-2D2F-4AA3-996C-73751C0FEB6E}"/>
          </ac:cxnSpMkLst>
        </pc:cxnChg>
        <pc:cxnChg chg="add del mod">
          <ac:chgData name="Manuel Lidauer" userId="b55e45dd-c6cc-461d-bef5-835fc172e678" providerId="ADAL" clId="{BCD0C6F6-2D95-4A66-B702-D3858BC1FC00}" dt="2019-09-26T10:15:33.374" v="63068"/>
          <ac:cxnSpMkLst>
            <pc:docMk/>
            <pc:sldMk cId="1279582212" sldId="257"/>
            <ac:cxnSpMk id="1792" creationId="{48F5F47D-C35D-4A99-8C57-B4BE08C76560}"/>
          </ac:cxnSpMkLst>
        </pc:cxnChg>
        <pc:cxnChg chg="add del mod">
          <ac:chgData name="Manuel Lidauer" userId="b55e45dd-c6cc-461d-bef5-835fc172e678" providerId="ADAL" clId="{BCD0C6F6-2D95-4A66-B702-D3858BC1FC00}" dt="2019-09-26T10:15:33.375" v="63072"/>
          <ac:cxnSpMkLst>
            <pc:docMk/>
            <pc:sldMk cId="1279582212" sldId="257"/>
            <ac:cxnSpMk id="1794" creationId="{6C3CEC15-1B19-4B27-AB05-6E8EB707AAD9}"/>
          </ac:cxnSpMkLst>
        </pc:cxnChg>
        <pc:cxnChg chg="add del mod">
          <ac:chgData name="Manuel Lidauer" userId="b55e45dd-c6cc-461d-bef5-835fc172e678" providerId="ADAL" clId="{BCD0C6F6-2D95-4A66-B702-D3858BC1FC00}" dt="2019-09-26T10:15:33.377" v="63076"/>
          <ac:cxnSpMkLst>
            <pc:docMk/>
            <pc:sldMk cId="1279582212" sldId="257"/>
            <ac:cxnSpMk id="1796" creationId="{56395C84-7787-47EF-82F2-FF25EDA17500}"/>
          </ac:cxnSpMkLst>
        </pc:cxnChg>
        <pc:cxnChg chg="add del mod">
          <ac:chgData name="Manuel Lidauer" userId="b55e45dd-c6cc-461d-bef5-835fc172e678" providerId="ADAL" clId="{BCD0C6F6-2D95-4A66-B702-D3858BC1FC00}" dt="2019-09-26T10:15:33.378" v="63080"/>
          <ac:cxnSpMkLst>
            <pc:docMk/>
            <pc:sldMk cId="1279582212" sldId="257"/>
            <ac:cxnSpMk id="1798" creationId="{8CEA2D53-D070-4C27-8F93-85558033F47B}"/>
          </ac:cxnSpMkLst>
        </pc:cxnChg>
        <pc:cxnChg chg="add del mod">
          <ac:chgData name="Manuel Lidauer" userId="b55e45dd-c6cc-461d-bef5-835fc172e678" providerId="ADAL" clId="{BCD0C6F6-2D95-4A66-B702-D3858BC1FC00}" dt="2019-09-26T10:15:33.380" v="63084"/>
          <ac:cxnSpMkLst>
            <pc:docMk/>
            <pc:sldMk cId="1279582212" sldId="257"/>
            <ac:cxnSpMk id="1800" creationId="{B07A50BC-5896-4B16-8627-DAEF31F231A9}"/>
          </ac:cxnSpMkLst>
        </pc:cxnChg>
        <pc:cxnChg chg="add del mod ord modVis">
          <ac:chgData name="Manuel Lidauer" userId="b55e45dd-c6cc-461d-bef5-835fc172e678" providerId="ADAL" clId="{BCD0C6F6-2D95-4A66-B702-D3858BC1FC00}" dt="2019-09-26T10:15:33.365" v="63043"/>
          <ac:cxnSpMkLst>
            <pc:docMk/>
            <pc:sldMk cId="1279582212" sldId="257"/>
            <ac:cxnSpMk id="1802" creationId="{FBD8B198-94C8-4C60-9420-7929AB0C137B}"/>
          </ac:cxnSpMkLst>
        </pc:cxnChg>
        <pc:cxnChg chg="add del mod ord modVis">
          <ac:chgData name="Manuel Lidauer" userId="b55e45dd-c6cc-461d-bef5-835fc172e678" providerId="ADAL" clId="{BCD0C6F6-2D95-4A66-B702-D3858BC1FC00}" dt="2019-09-26T10:15:33.364" v="63041"/>
          <ac:cxnSpMkLst>
            <pc:docMk/>
            <pc:sldMk cId="1279582212" sldId="257"/>
            <ac:cxnSpMk id="1803" creationId="{1F4189F8-ABEE-494C-89E0-6FCB62AD8BBA}"/>
          </ac:cxnSpMkLst>
        </pc:cxnChg>
        <pc:cxnChg chg="add del mod ord modVis">
          <ac:chgData name="Manuel Lidauer" userId="b55e45dd-c6cc-461d-bef5-835fc172e678" providerId="ADAL" clId="{BCD0C6F6-2D95-4A66-B702-D3858BC1FC00}" dt="2019-09-26T10:15:33.363" v="63039"/>
          <ac:cxnSpMkLst>
            <pc:docMk/>
            <pc:sldMk cId="1279582212" sldId="257"/>
            <ac:cxnSpMk id="1804" creationId="{8270B9FC-BF72-476A-B157-844927D5D0A5}"/>
          </ac:cxnSpMkLst>
        </pc:cxnChg>
        <pc:cxnChg chg="add del mod ord modVis">
          <ac:chgData name="Manuel Lidauer" userId="b55e45dd-c6cc-461d-bef5-835fc172e678" providerId="ADAL" clId="{BCD0C6F6-2D95-4A66-B702-D3858BC1FC00}" dt="2019-09-26T10:15:33.362" v="63037"/>
          <ac:cxnSpMkLst>
            <pc:docMk/>
            <pc:sldMk cId="1279582212" sldId="257"/>
            <ac:cxnSpMk id="1805" creationId="{BB948478-E378-41E3-A2C4-798C96399BF1}"/>
          </ac:cxnSpMkLst>
        </pc:cxnChg>
        <pc:cxnChg chg="add del mod ord modVis">
          <ac:chgData name="Manuel Lidauer" userId="b55e45dd-c6cc-461d-bef5-835fc172e678" providerId="ADAL" clId="{BCD0C6F6-2D95-4A66-B702-D3858BC1FC00}" dt="2019-09-26T10:15:33.362" v="63035"/>
          <ac:cxnSpMkLst>
            <pc:docMk/>
            <pc:sldMk cId="1279582212" sldId="257"/>
            <ac:cxnSpMk id="1806" creationId="{28CB7580-B403-45D0-8D0C-74036FCDB641}"/>
          </ac:cxnSpMkLst>
        </pc:cxnChg>
        <pc:cxnChg chg="add del mod ord modVis">
          <ac:chgData name="Manuel Lidauer" userId="b55e45dd-c6cc-461d-bef5-835fc172e678" providerId="ADAL" clId="{BCD0C6F6-2D95-4A66-B702-D3858BC1FC00}" dt="2019-09-26T10:15:33.361" v="63033"/>
          <ac:cxnSpMkLst>
            <pc:docMk/>
            <pc:sldMk cId="1279582212" sldId="257"/>
            <ac:cxnSpMk id="1807" creationId="{BE567981-8E8A-40A7-846D-D3A89FAE6B97}"/>
          </ac:cxnSpMkLst>
        </pc:cxnChg>
        <pc:cxnChg chg="add del mod ord modVis">
          <ac:chgData name="Manuel Lidauer" userId="b55e45dd-c6cc-461d-bef5-835fc172e678" providerId="ADAL" clId="{BCD0C6F6-2D95-4A66-B702-D3858BC1FC00}" dt="2019-09-26T10:15:33.360" v="63031"/>
          <ac:cxnSpMkLst>
            <pc:docMk/>
            <pc:sldMk cId="1279582212" sldId="257"/>
            <ac:cxnSpMk id="1808" creationId="{3704D0F1-B6A3-4D9A-AD29-C89C177A3370}"/>
          </ac:cxnSpMkLst>
        </pc:cxnChg>
        <pc:cxnChg chg="add del mod ord modVis">
          <ac:chgData name="Manuel Lidauer" userId="b55e45dd-c6cc-461d-bef5-835fc172e678" providerId="ADAL" clId="{BCD0C6F6-2D95-4A66-B702-D3858BC1FC00}" dt="2019-09-26T10:15:33.360" v="63029"/>
          <ac:cxnSpMkLst>
            <pc:docMk/>
            <pc:sldMk cId="1279582212" sldId="257"/>
            <ac:cxnSpMk id="1809" creationId="{A411F5BC-64DF-47B3-8180-69897B9A7BFE}"/>
          </ac:cxnSpMkLst>
        </pc:cxnChg>
        <pc:cxnChg chg="add del mod ord modVis">
          <ac:chgData name="Manuel Lidauer" userId="b55e45dd-c6cc-461d-bef5-835fc172e678" providerId="ADAL" clId="{BCD0C6F6-2D95-4A66-B702-D3858BC1FC00}" dt="2019-09-26T10:15:33.359" v="63027"/>
          <ac:cxnSpMkLst>
            <pc:docMk/>
            <pc:sldMk cId="1279582212" sldId="257"/>
            <ac:cxnSpMk id="1810" creationId="{85BBBD44-CEBD-477C-84AE-1DE81A2C9CA5}"/>
          </ac:cxnSpMkLst>
        </pc:cxnChg>
        <pc:cxnChg chg="add del mod ord modVis">
          <ac:chgData name="Manuel Lidauer" userId="b55e45dd-c6cc-461d-bef5-835fc172e678" providerId="ADAL" clId="{BCD0C6F6-2D95-4A66-B702-D3858BC1FC00}" dt="2019-09-26T10:15:33.358" v="63025"/>
          <ac:cxnSpMkLst>
            <pc:docMk/>
            <pc:sldMk cId="1279582212" sldId="257"/>
            <ac:cxnSpMk id="1811" creationId="{13BD6E2B-4CA7-4B14-BD7D-31C39B33464A}"/>
          </ac:cxnSpMkLst>
        </pc:cxnChg>
        <pc:cxnChg chg="add del mod ord modVis">
          <ac:chgData name="Manuel Lidauer" userId="b55e45dd-c6cc-461d-bef5-835fc172e678" providerId="ADAL" clId="{BCD0C6F6-2D95-4A66-B702-D3858BC1FC00}" dt="2019-09-26T10:15:33.357" v="63023"/>
          <ac:cxnSpMkLst>
            <pc:docMk/>
            <pc:sldMk cId="1279582212" sldId="257"/>
            <ac:cxnSpMk id="1812" creationId="{9C145E9F-1EB1-405F-8D20-6B1C23A7F8F3}"/>
          </ac:cxnSpMkLst>
        </pc:cxnChg>
        <pc:cxnChg chg="add del mod ord modVis">
          <ac:chgData name="Manuel Lidauer" userId="b55e45dd-c6cc-461d-bef5-835fc172e678" providerId="ADAL" clId="{BCD0C6F6-2D95-4A66-B702-D3858BC1FC00}" dt="2019-09-26T10:15:33.357" v="63021"/>
          <ac:cxnSpMkLst>
            <pc:docMk/>
            <pc:sldMk cId="1279582212" sldId="257"/>
            <ac:cxnSpMk id="1813" creationId="{55BE6039-55D6-49B6-9919-2B3E44BCE74E}"/>
          </ac:cxnSpMkLst>
        </pc:cxnChg>
        <pc:cxnChg chg="add del mod ord modVis">
          <ac:chgData name="Manuel Lidauer" userId="b55e45dd-c6cc-461d-bef5-835fc172e678" providerId="ADAL" clId="{BCD0C6F6-2D95-4A66-B702-D3858BC1FC00}" dt="2019-09-26T10:15:33.356" v="63019"/>
          <ac:cxnSpMkLst>
            <pc:docMk/>
            <pc:sldMk cId="1279582212" sldId="257"/>
            <ac:cxnSpMk id="1814" creationId="{0045AAC5-B99C-44FC-96ED-BEE915AAEAAA}"/>
          </ac:cxnSpMkLst>
        </pc:cxnChg>
        <pc:cxnChg chg="add del mod ord modVis">
          <ac:chgData name="Manuel Lidauer" userId="b55e45dd-c6cc-461d-bef5-835fc172e678" providerId="ADAL" clId="{BCD0C6F6-2D95-4A66-B702-D3858BC1FC00}" dt="2019-09-26T10:15:33.355" v="63017"/>
          <ac:cxnSpMkLst>
            <pc:docMk/>
            <pc:sldMk cId="1279582212" sldId="257"/>
            <ac:cxnSpMk id="1815" creationId="{CDD306D3-5FB9-480A-A18B-A9A928A68670}"/>
          </ac:cxnSpMkLst>
        </pc:cxnChg>
        <pc:cxnChg chg="add del mod ord modVis">
          <ac:chgData name="Manuel Lidauer" userId="b55e45dd-c6cc-461d-bef5-835fc172e678" providerId="ADAL" clId="{BCD0C6F6-2D95-4A66-B702-D3858BC1FC00}" dt="2019-09-26T10:15:33.354" v="63015"/>
          <ac:cxnSpMkLst>
            <pc:docMk/>
            <pc:sldMk cId="1279582212" sldId="257"/>
            <ac:cxnSpMk id="1816" creationId="{6BD7D4E3-8199-4920-91FA-8C0A74BDF91D}"/>
          </ac:cxnSpMkLst>
        </pc:cxnChg>
        <pc:cxnChg chg="add del mod ord modVis">
          <ac:chgData name="Manuel Lidauer" userId="b55e45dd-c6cc-461d-bef5-835fc172e678" providerId="ADAL" clId="{BCD0C6F6-2D95-4A66-B702-D3858BC1FC00}" dt="2019-09-26T10:15:33.353" v="63013"/>
          <ac:cxnSpMkLst>
            <pc:docMk/>
            <pc:sldMk cId="1279582212" sldId="257"/>
            <ac:cxnSpMk id="1817" creationId="{B567BB8C-F663-4EF8-8D35-303FA46B1038}"/>
          </ac:cxnSpMkLst>
        </pc:cxnChg>
        <pc:cxnChg chg="add del mod ord modVis">
          <ac:chgData name="Manuel Lidauer" userId="b55e45dd-c6cc-461d-bef5-835fc172e678" providerId="ADAL" clId="{BCD0C6F6-2D95-4A66-B702-D3858BC1FC00}" dt="2019-09-26T10:15:33.352" v="63011"/>
          <ac:cxnSpMkLst>
            <pc:docMk/>
            <pc:sldMk cId="1279582212" sldId="257"/>
            <ac:cxnSpMk id="1818" creationId="{0E72C038-13D4-42E9-B5AA-ADDB05FC3063}"/>
          </ac:cxnSpMkLst>
        </pc:cxnChg>
        <pc:cxnChg chg="add del mod ord modVis">
          <ac:chgData name="Manuel Lidauer" userId="b55e45dd-c6cc-461d-bef5-835fc172e678" providerId="ADAL" clId="{BCD0C6F6-2D95-4A66-B702-D3858BC1FC00}" dt="2019-09-26T10:15:33.352" v="63009"/>
          <ac:cxnSpMkLst>
            <pc:docMk/>
            <pc:sldMk cId="1279582212" sldId="257"/>
            <ac:cxnSpMk id="1819" creationId="{BF17D44C-10C8-4F44-8EF9-C7F75314654D}"/>
          </ac:cxnSpMkLst>
        </pc:cxnChg>
        <pc:cxnChg chg="add del mod ord modVis">
          <ac:chgData name="Manuel Lidauer" userId="b55e45dd-c6cc-461d-bef5-835fc172e678" providerId="ADAL" clId="{BCD0C6F6-2D95-4A66-B702-D3858BC1FC00}" dt="2019-09-26T10:15:33.351" v="63007"/>
          <ac:cxnSpMkLst>
            <pc:docMk/>
            <pc:sldMk cId="1279582212" sldId="257"/>
            <ac:cxnSpMk id="1820" creationId="{8147EB38-CE99-4A5B-A6C6-3A53ECCAA4AE}"/>
          </ac:cxnSpMkLst>
        </pc:cxnChg>
        <pc:cxnChg chg="add del mod ord modVis">
          <ac:chgData name="Manuel Lidauer" userId="b55e45dd-c6cc-461d-bef5-835fc172e678" providerId="ADAL" clId="{BCD0C6F6-2D95-4A66-B702-D3858BC1FC00}" dt="2019-09-26T10:15:33.350" v="63005"/>
          <ac:cxnSpMkLst>
            <pc:docMk/>
            <pc:sldMk cId="1279582212" sldId="257"/>
            <ac:cxnSpMk id="1821" creationId="{D4E850AE-1286-4B31-AB6F-C60E07277CE0}"/>
          </ac:cxnSpMkLst>
        </pc:cxnChg>
        <pc:cxnChg chg="add del mod ord modVis">
          <ac:chgData name="Manuel Lidauer" userId="b55e45dd-c6cc-461d-bef5-835fc172e678" providerId="ADAL" clId="{BCD0C6F6-2D95-4A66-B702-D3858BC1FC00}" dt="2019-09-26T10:15:33.349" v="63003"/>
          <ac:cxnSpMkLst>
            <pc:docMk/>
            <pc:sldMk cId="1279582212" sldId="257"/>
            <ac:cxnSpMk id="1822" creationId="{E85BBEEE-A057-4820-943F-DBF77C2744EA}"/>
          </ac:cxnSpMkLst>
        </pc:cxnChg>
        <pc:cxnChg chg="add del mod ord modVis">
          <ac:chgData name="Manuel Lidauer" userId="b55e45dd-c6cc-461d-bef5-835fc172e678" providerId="ADAL" clId="{BCD0C6F6-2D95-4A66-B702-D3858BC1FC00}" dt="2019-09-26T10:15:33.349" v="63001"/>
          <ac:cxnSpMkLst>
            <pc:docMk/>
            <pc:sldMk cId="1279582212" sldId="257"/>
            <ac:cxnSpMk id="1823" creationId="{9B6C5B25-ACD0-494D-BB14-CE20BBD6AFD6}"/>
          </ac:cxnSpMkLst>
        </pc:cxnChg>
        <pc:cxnChg chg="add del mod ord modVis">
          <ac:chgData name="Manuel Lidauer" userId="b55e45dd-c6cc-461d-bef5-835fc172e678" providerId="ADAL" clId="{BCD0C6F6-2D95-4A66-B702-D3858BC1FC00}" dt="2019-09-26T10:15:33.348" v="62999"/>
          <ac:cxnSpMkLst>
            <pc:docMk/>
            <pc:sldMk cId="1279582212" sldId="257"/>
            <ac:cxnSpMk id="1824" creationId="{E26F0A3A-E55A-4091-9194-652E26128641}"/>
          </ac:cxnSpMkLst>
        </pc:cxnChg>
        <pc:cxnChg chg="add del mod ord modVis">
          <ac:chgData name="Manuel Lidauer" userId="b55e45dd-c6cc-461d-bef5-835fc172e678" providerId="ADAL" clId="{BCD0C6F6-2D95-4A66-B702-D3858BC1FC00}" dt="2019-09-26T10:15:33.347" v="62997"/>
          <ac:cxnSpMkLst>
            <pc:docMk/>
            <pc:sldMk cId="1279582212" sldId="257"/>
            <ac:cxnSpMk id="1825" creationId="{63534489-5473-4A57-BEFB-C66233A6E22E}"/>
          </ac:cxnSpMkLst>
        </pc:cxnChg>
        <pc:cxnChg chg="add del mod ord modVis">
          <ac:chgData name="Manuel Lidauer" userId="b55e45dd-c6cc-461d-bef5-835fc172e678" providerId="ADAL" clId="{BCD0C6F6-2D95-4A66-B702-D3858BC1FC00}" dt="2019-09-26T10:15:33.347" v="62995"/>
          <ac:cxnSpMkLst>
            <pc:docMk/>
            <pc:sldMk cId="1279582212" sldId="257"/>
            <ac:cxnSpMk id="1826" creationId="{D8756090-08F6-49EA-B442-107D22C37222}"/>
          </ac:cxnSpMkLst>
        </pc:cxnChg>
        <pc:cxnChg chg="add del mod ord modVis">
          <ac:chgData name="Manuel Lidauer" userId="b55e45dd-c6cc-461d-bef5-835fc172e678" providerId="ADAL" clId="{BCD0C6F6-2D95-4A66-B702-D3858BC1FC00}" dt="2019-09-26T10:15:33.346" v="62993"/>
          <ac:cxnSpMkLst>
            <pc:docMk/>
            <pc:sldMk cId="1279582212" sldId="257"/>
            <ac:cxnSpMk id="1827" creationId="{25FD8A09-150A-4712-B9A7-E03FBF069D11}"/>
          </ac:cxnSpMkLst>
        </pc:cxnChg>
        <pc:cxnChg chg="add del mod ord modVis">
          <ac:chgData name="Manuel Lidauer" userId="b55e45dd-c6cc-461d-bef5-835fc172e678" providerId="ADAL" clId="{BCD0C6F6-2D95-4A66-B702-D3858BC1FC00}" dt="2019-09-26T10:15:33.345" v="62991"/>
          <ac:cxnSpMkLst>
            <pc:docMk/>
            <pc:sldMk cId="1279582212" sldId="257"/>
            <ac:cxnSpMk id="1828" creationId="{904679FC-3C5C-47D4-A484-33C26D902B28}"/>
          </ac:cxnSpMkLst>
        </pc:cxnChg>
        <pc:cxnChg chg="add del mod ord modVis">
          <ac:chgData name="Manuel Lidauer" userId="b55e45dd-c6cc-461d-bef5-835fc172e678" providerId="ADAL" clId="{BCD0C6F6-2D95-4A66-B702-D3858BC1FC00}" dt="2019-09-26T10:15:33.345" v="62989"/>
          <ac:cxnSpMkLst>
            <pc:docMk/>
            <pc:sldMk cId="1279582212" sldId="257"/>
            <ac:cxnSpMk id="1829" creationId="{BB7741A0-1C80-4935-BDF3-CEDFEA9E7049}"/>
          </ac:cxnSpMkLst>
        </pc:cxnChg>
        <pc:cxnChg chg="add del mod ord modVis">
          <ac:chgData name="Manuel Lidauer" userId="b55e45dd-c6cc-461d-bef5-835fc172e678" providerId="ADAL" clId="{BCD0C6F6-2D95-4A66-B702-D3858BC1FC00}" dt="2019-09-26T10:15:33.344" v="62987"/>
          <ac:cxnSpMkLst>
            <pc:docMk/>
            <pc:sldMk cId="1279582212" sldId="257"/>
            <ac:cxnSpMk id="1830" creationId="{6C29B3A7-2B13-45AF-BC08-1D30E062172C}"/>
          </ac:cxnSpMkLst>
        </pc:cxnChg>
        <pc:cxnChg chg="add del mod ord modVis">
          <ac:chgData name="Manuel Lidauer" userId="b55e45dd-c6cc-461d-bef5-835fc172e678" providerId="ADAL" clId="{BCD0C6F6-2D95-4A66-B702-D3858BC1FC00}" dt="2019-09-26T10:15:33.343" v="62985"/>
          <ac:cxnSpMkLst>
            <pc:docMk/>
            <pc:sldMk cId="1279582212" sldId="257"/>
            <ac:cxnSpMk id="1831" creationId="{8A93746C-C979-4DEC-9957-D1A4D857280B}"/>
          </ac:cxnSpMkLst>
        </pc:cxnChg>
        <pc:cxnChg chg="add del mod ord modVis">
          <ac:chgData name="Manuel Lidauer" userId="b55e45dd-c6cc-461d-bef5-835fc172e678" providerId="ADAL" clId="{BCD0C6F6-2D95-4A66-B702-D3858BC1FC00}" dt="2019-09-26T10:15:33.342" v="62983"/>
          <ac:cxnSpMkLst>
            <pc:docMk/>
            <pc:sldMk cId="1279582212" sldId="257"/>
            <ac:cxnSpMk id="1832" creationId="{30257B6A-457C-4F93-9CFB-63F428C0C336}"/>
          </ac:cxnSpMkLst>
        </pc:cxnChg>
        <pc:cxnChg chg="add del mod ord modVis">
          <ac:chgData name="Manuel Lidauer" userId="b55e45dd-c6cc-461d-bef5-835fc172e678" providerId="ADAL" clId="{BCD0C6F6-2D95-4A66-B702-D3858BC1FC00}" dt="2019-09-26T10:15:33.342" v="62981"/>
          <ac:cxnSpMkLst>
            <pc:docMk/>
            <pc:sldMk cId="1279582212" sldId="257"/>
            <ac:cxnSpMk id="1833" creationId="{3076860E-42EC-4BB7-A2B5-DAE35CD6E42E}"/>
          </ac:cxnSpMkLst>
        </pc:cxnChg>
        <pc:cxnChg chg="add del mod ord modVis">
          <ac:chgData name="Manuel Lidauer" userId="b55e45dd-c6cc-461d-bef5-835fc172e678" providerId="ADAL" clId="{BCD0C6F6-2D95-4A66-B702-D3858BC1FC00}" dt="2019-09-26T10:15:33.341" v="62979"/>
          <ac:cxnSpMkLst>
            <pc:docMk/>
            <pc:sldMk cId="1279582212" sldId="257"/>
            <ac:cxnSpMk id="1834" creationId="{9C8EAE50-68A0-435E-AE67-2597FB9E7A90}"/>
          </ac:cxnSpMkLst>
        </pc:cxnChg>
        <pc:cxnChg chg="add del mod ord modVis">
          <ac:chgData name="Manuel Lidauer" userId="b55e45dd-c6cc-461d-bef5-835fc172e678" providerId="ADAL" clId="{BCD0C6F6-2D95-4A66-B702-D3858BC1FC00}" dt="2019-09-26T10:15:33.340" v="62977"/>
          <ac:cxnSpMkLst>
            <pc:docMk/>
            <pc:sldMk cId="1279582212" sldId="257"/>
            <ac:cxnSpMk id="1835" creationId="{1FFC3DCA-1969-4E1F-860F-05DAA346A769}"/>
          </ac:cxnSpMkLst>
        </pc:cxnChg>
        <pc:cxnChg chg="add del mod ord modVis">
          <ac:chgData name="Manuel Lidauer" userId="b55e45dd-c6cc-461d-bef5-835fc172e678" providerId="ADAL" clId="{BCD0C6F6-2D95-4A66-B702-D3858BC1FC00}" dt="2019-09-26T10:15:33.340" v="62975"/>
          <ac:cxnSpMkLst>
            <pc:docMk/>
            <pc:sldMk cId="1279582212" sldId="257"/>
            <ac:cxnSpMk id="1836" creationId="{77231BE6-BFBB-42CB-8A70-6963050BD8FC}"/>
          </ac:cxnSpMkLst>
        </pc:cxnChg>
        <pc:cxnChg chg="add del mod ord modVis">
          <ac:chgData name="Manuel Lidauer" userId="b55e45dd-c6cc-461d-bef5-835fc172e678" providerId="ADAL" clId="{BCD0C6F6-2D95-4A66-B702-D3858BC1FC00}" dt="2019-09-26T10:15:33.339" v="62973"/>
          <ac:cxnSpMkLst>
            <pc:docMk/>
            <pc:sldMk cId="1279582212" sldId="257"/>
            <ac:cxnSpMk id="1837" creationId="{185CFCF8-202F-474B-A936-032FE6D15FDF}"/>
          </ac:cxnSpMkLst>
        </pc:cxnChg>
        <pc:cxnChg chg="add del mod ord modVis">
          <ac:chgData name="Manuel Lidauer" userId="b55e45dd-c6cc-461d-bef5-835fc172e678" providerId="ADAL" clId="{BCD0C6F6-2D95-4A66-B702-D3858BC1FC00}" dt="2019-09-26T10:15:33.337" v="62971"/>
          <ac:cxnSpMkLst>
            <pc:docMk/>
            <pc:sldMk cId="1279582212" sldId="257"/>
            <ac:cxnSpMk id="1838" creationId="{E405F2BF-52CD-4BBC-9B30-08E1DDC1A03F}"/>
          </ac:cxnSpMkLst>
        </pc:cxnChg>
        <pc:cxnChg chg="add del mod ord modVis">
          <ac:chgData name="Manuel Lidauer" userId="b55e45dd-c6cc-461d-bef5-835fc172e678" providerId="ADAL" clId="{BCD0C6F6-2D95-4A66-B702-D3858BC1FC00}" dt="2019-09-26T10:15:33.337" v="62969"/>
          <ac:cxnSpMkLst>
            <pc:docMk/>
            <pc:sldMk cId="1279582212" sldId="257"/>
            <ac:cxnSpMk id="1839" creationId="{C83EB990-317D-4DF0-80E8-464DB00B517E}"/>
          </ac:cxnSpMkLst>
        </pc:cxnChg>
        <pc:cxnChg chg="add del mod ord modVis">
          <ac:chgData name="Manuel Lidauer" userId="b55e45dd-c6cc-461d-bef5-835fc172e678" providerId="ADAL" clId="{BCD0C6F6-2D95-4A66-B702-D3858BC1FC00}" dt="2019-09-26T10:15:33.336" v="62967"/>
          <ac:cxnSpMkLst>
            <pc:docMk/>
            <pc:sldMk cId="1279582212" sldId="257"/>
            <ac:cxnSpMk id="1840" creationId="{1A3DF2F1-8432-43BA-A439-CD7C97738591}"/>
          </ac:cxnSpMkLst>
        </pc:cxnChg>
        <pc:cxnChg chg="add del mod ord modVis">
          <ac:chgData name="Manuel Lidauer" userId="b55e45dd-c6cc-461d-bef5-835fc172e678" providerId="ADAL" clId="{BCD0C6F6-2D95-4A66-B702-D3858BC1FC00}" dt="2019-09-26T10:15:33.335" v="62965"/>
          <ac:cxnSpMkLst>
            <pc:docMk/>
            <pc:sldMk cId="1279582212" sldId="257"/>
            <ac:cxnSpMk id="1841" creationId="{EE93BDDA-2BC5-498D-AAB1-757696CD49BD}"/>
          </ac:cxnSpMkLst>
        </pc:cxnChg>
        <pc:cxnChg chg="add del mod">
          <ac:chgData name="Manuel Lidauer" userId="b55e45dd-c6cc-461d-bef5-835fc172e678" providerId="ADAL" clId="{BCD0C6F6-2D95-4A66-B702-D3858BC1FC00}" dt="2019-09-26T10:18:07.858" v="75706"/>
          <ac:cxnSpMkLst>
            <pc:docMk/>
            <pc:sldMk cId="1279582212" sldId="257"/>
            <ac:cxnSpMk id="2139" creationId="{1C98A9F4-8F2B-4F97-BFC3-F8460A65D0AE}"/>
          </ac:cxnSpMkLst>
        </pc:cxnChg>
        <pc:cxnChg chg="add del mod">
          <ac:chgData name="Manuel Lidauer" userId="b55e45dd-c6cc-461d-bef5-835fc172e678" providerId="ADAL" clId="{BCD0C6F6-2D95-4A66-B702-D3858BC1FC00}" dt="2019-09-26T10:18:07.859" v="75710"/>
          <ac:cxnSpMkLst>
            <pc:docMk/>
            <pc:sldMk cId="1279582212" sldId="257"/>
            <ac:cxnSpMk id="2141" creationId="{E55A9FD7-BCFF-4D38-B775-33CDBC396258}"/>
          </ac:cxnSpMkLst>
        </pc:cxnChg>
        <pc:cxnChg chg="add del mod">
          <ac:chgData name="Manuel Lidauer" userId="b55e45dd-c6cc-461d-bef5-835fc172e678" providerId="ADAL" clId="{BCD0C6F6-2D95-4A66-B702-D3858BC1FC00}" dt="2019-09-26T10:18:07.861" v="75714"/>
          <ac:cxnSpMkLst>
            <pc:docMk/>
            <pc:sldMk cId="1279582212" sldId="257"/>
            <ac:cxnSpMk id="2143" creationId="{0812ED69-6025-4D23-874E-F05EF48BE230}"/>
          </ac:cxnSpMkLst>
        </pc:cxnChg>
        <pc:cxnChg chg="add del mod">
          <ac:chgData name="Manuel Lidauer" userId="b55e45dd-c6cc-461d-bef5-835fc172e678" providerId="ADAL" clId="{BCD0C6F6-2D95-4A66-B702-D3858BC1FC00}" dt="2019-09-26T10:18:07.862" v="75718"/>
          <ac:cxnSpMkLst>
            <pc:docMk/>
            <pc:sldMk cId="1279582212" sldId="257"/>
            <ac:cxnSpMk id="2145" creationId="{6079B6B1-9082-43AF-8E54-3AAF57428BAA}"/>
          </ac:cxnSpMkLst>
        </pc:cxnChg>
        <pc:cxnChg chg="add del mod">
          <ac:chgData name="Manuel Lidauer" userId="b55e45dd-c6cc-461d-bef5-835fc172e678" providerId="ADAL" clId="{BCD0C6F6-2D95-4A66-B702-D3858BC1FC00}" dt="2019-09-26T10:18:07.864" v="75722"/>
          <ac:cxnSpMkLst>
            <pc:docMk/>
            <pc:sldMk cId="1279582212" sldId="257"/>
            <ac:cxnSpMk id="2147" creationId="{ED41AD1D-5C67-4470-AB37-D3F402E3F485}"/>
          </ac:cxnSpMkLst>
        </pc:cxnChg>
        <pc:cxnChg chg="add del mod">
          <ac:chgData name="Manuel Lidauer" userId="b55e45dd-c6cc-461d-bef5-835fc172e678" providerId="ADAL" clId="{BCD0C6F6-2D95-4A66-B702-D3858BC1FC00}" dt="2019-09-26T10:18:07.865" v="75726"/>
          <ac:cxnSpMkLst>
            <pc:docMk/>
            <pc:sldMk cId="1279582212" sldId="257"/>
            <ac:cxnSpMk id="2149" creationId="{AE723930-52C5-4867-BA56-AB2A5C43D92A}"/>
          </ac:cxnSpMkLst>
        </pc:cxnChg>
        <pc:cxnChg chg="add del mod">
          <ac:chgData name="Manuel Lidauer" userId="b55e45dd-c6cc-461d-bef5-835fc172e678" providerId="ADAL" clId="{BCD0C6F6-2D95-4A66-B702-D3858BC1FC00}" dt="2019-09-26T10:18:07.866" v="75730"/>
          <ac:cxnSpMkLst>
            <pc:docMk/>
            <pc:sldMk cId="1279582212" sldId="257"/>
            <ac:cxnSpMk id="2151" creationId="{44002281-9496-46E7-A3D9-C2047913676E}"/>
          </ac:cxnSpMkLst>
        </pc:cxnChg>
        <pc:cxnChg chg="add del mod">
          <ac:chgData name="Manuel Lidauer" userId="b55e45dd-c6cc-461d-bef5-835fc172e678" providerId="ADAL" clId="{BCD0C6F6-2D95-4A66-B702-D3858BC1FC00}" dt="2019-09-26T10:18:07.868" v="75734"/>
          <ac:cxnSpMkLst>
            <pc:docMk/>
            <pc:sldMk cId="1279582212" sldId="257"/>
            <ac:cxnSpMk id="2153" creationId="{628ADADE-BE35-4E76-BD73-FE4973F0863C}"/>
          </ac:cxnSpMkLst>
        </pc:cxnChg>
        <pc:cxnChg chg="add del mod ord modVis">
          <ac:chgData name="Manuel Lidauer" userId="b55e45dd-c6cc-461d-bef5-835fc172e678" providerId="ADAL" clId="{BCD0C6F6-2D95-4A66-B702-D3858BC1FC00}" dt="2019-09-26T10:18:07.854" v="75693"/>
          <ac:cxnSpMkLst>
            <pc:docMk/>
            <pc:sldMk cId="1279582212" sldId="257"/>
            <ac:cxnSpMk id="2155" creationId="{D6B97B07-197F-4207-95AC-A652A753FC08}"/>
          </ac:cxnSpMkLst>
        </pc:cxnChg>
        <pc:cxnChg chg="add del mod ord modVis">
          <ac:chgData name="Manuel Lidauer" userId="b55e45dd-c6cc-461d-bef5-835fc172e678" providerId="ADAL" clId="{BCD0C6F6-2D95-4A66-B702-D3858BC1FC00}" dt="2019-09-26T10:18:07.853" v="75691"/>
          <ac:cxnSpMkLst>
            <pc:docMk/>
            <pc:sldMk cId="1279582212" sldId="257"/>
            <ac:cxnSpMk id="2156" creationId="{D143C493-A767-48EB-8BD5-4421209B7F2B}"/>
          </ac:cxnSpMkLst>
        </pc:cxnChg>
        <pc:cxnChg chg="add del mod ord modVis">
          <ac:chgData name="Manuel Lidauer" userId="b55e45dd-c6cc-461d-bef5-835fc172e678" providerId="ADAL" clId="{BCD0C6F6-2D95-4A66-B702-D3858BC1FC00}" dt="2019-09-26T10:18:07.852" v="75689"/>
          <ac:cxnSpMkLst>
            <pc:docMk/>
            <pc:sldMk cId="1279582212" sldId="257"/>
            <ac:cxnSpMk id="2157" creationId="{37179EE6-CEE9-4DC1-90E1-FB41416E73CF}"/>
          </ac:cxnSpMkLst>
        </pc:cxnChg>
        <pc:cxnChg chg="add del mod ord modVis">
          <ac:chgData name="Manuel Lidauer" userId="b55e45dd-c6cc-461d-bef5-835fc172e678" providerId="ADAL" clId="{BCD0C6F6-2D95-4A66-B702-D3858BC1FC00}" dt="2019-09-26T10:18:07.851" v="75687"/>
          <ac:cxnSpMkLst>
            <pc:docMk/>
            <pc:sldMk cId="1279582212" sldId="257"/>
            <ac:cxnSpMk id="2158" creationId="{BFF075A1-D965-4A39-8C51-DD75A8A8F81C}"/>
          </ac:cxnSpMkLst>
        </pc:cxnChg>
        <pc:cxnChg chg="add del mod ord modVis">
          <ac:chgData name="Manuel Lidauer" userId="b55e45dd-c6cc-461d-bef5-835fc172e678" providerId="ADAL" clId="{BCD0C6F6-2D95-4A66-B702-D3858BC1FC00}" dt="2019-09-26T10:18:07.850" v="75685"/>
          <ac:cxnSpMkLst>
            <pc:docMk/>
            <pc:sldMk cId="1279582212" sldId="257"/>
            <ac:cxnSpMk id="2159" creationId="{FDC9B834-5BE8-4DA5-9626-13B70577088E}"/>
          </ac:cxnSpMkLst>
        </pc:cxnChg>
        <pc:cxnChg chg="add del mod ord modVis">
          <ac:chgData name="Manuel Lidauer" userId="b55e45dd-c6cc-461d-bef5-835fc172e678" providerId="ADAL" clId="{BCD0C6F6-2D95-4A66-B702-D3858BC1FC00}" dt="2019-09-26T10:18:07.850" v="75683"/>
          <ac:cxnSpMkLst>
            <pc:docMk/>
            <pc:sldMk cId="1279582212" sldId="257"/>
            <ac:cxnSpMk id="2160" creationId="{63E6AB61-169C-47D9-B5B5-7714542FD8AB}"/>
          </ac:cxnSpMkLst>
        </pc:cxnChg>
        <pc:cxnChg chg="add del mod ord modVis">
          <ac:chgData name="Manuel Lidauer" userId="b55e45dd-c6cc-461d-bef5-835fc172e678" providerId="ADAL" clId="{BCD0C6F6-2D95-4A66-B702-D3858BC1FC00}" dt="2019-09-26T10:18:07.849" v="75681"/>
          <ac:cxnSpMkLst>
            <pc:docMk/>
            <pc:sldMk cId="1279582212" sldId="257"/>
            <ac:cxnSpMk id="2161" creationId="{D447FF5A-8000-499F-ACC5-9D290EDC94DA}"/>
          </ac:cxnSpMkLst>
        </pc:cxnChg>
        <pc:cxnChg chg="add del mod ord modVis">
          <ac:chgData name="Manuel Lidauer" userId="b55e45dd-c6cc-461d-bef5-835fc172e678" providerId="ADAL" clId="{BCD0C6F6-2D95-4A66-B702-D3858BC1FC00}" dt="2019-09-26T10:18:07.848" v="75679"/>
          <ac:cxnSpMkLst>
            <pc:docMk/>
            <pc:sldMk cId="1279582212" sldId="257"/>
            <ac:cxnSpMk id="2162" creationId="{F3D69AC5-D1EC-484D-86E9-09886288BA35}"/>
          </ac:cxnSpMkLst>
        </pc:cxnChg>
        <pc:cxnChg chg="add del mod ord modVis">
          <ac:chgData name="Manuel Lidauer" userId="b55e45dd-c6cc-461d-bef5-835fc172e678" providerId="ADAL" clId="{BCD0C6F6-2D95-4A66-B702-D3858BC1FC00}" dt="2019-09-26T10:18:07.848" v="75677"/>
          <ac:cxnSpMkLst>
            <pc:docMk/>
            <pc:sldMk cId="1279582212" sldId="257"/>
            <ac:cxnSpMk id="2163" creationId="{98440D28-705A-4F78-995C-45552943280B}"/>
          </ac:cxnSpMkLst>
        </pc:cxnChg>
        <pc:cxnChg chg="add del mod ord modVis">
          <ac:chgData name="Manuel Lidauer" userId="b55e45dd-c6cc-461d-bef5-835fc172e678" providerId="ADAL" clId="{BCD0C6F6-2D95-4A66-B702-D3858BC1FC00}" dt="2019-09-26T10:18:07.847" v="75675"/>
          <ac:cxnSpMkLst>
            <pc:docMk/>
            <pc:sldMk cId="1279582212" sldId="257"/>
            <ac:cxnSpMk id="2164" creationId="{A5B0C9B1-7658-47AB-B65D-8968E6ED703C}"/>
          </ac:cxnSpMkLst>
        </pc:cxnChg>
        <pc:cxnChg chg="add del mod ord modVis">
          <ac:chgData name="Manuel Lidauer" userId="b55e45dd-c6cc-461d-bef5-835fc172e678" providerId="ADAL" clId="{BCD0C6F6-2D95-4A66-B702-D3858BC1FC00}" dt="2019-09-26T10:18:07.846" v="75673"/>
          <ac:cxnSpMkLst>
            <pc:docMk/>
            <pc:sldMk cId="1279582212" sldId="257"/>
            <ac:cxnSpMk id="2165" creationId="{FF15EC7F-885E-4CBB-A576-B969327B61AF}"/>
          </ac:cxnSpMkLst>
        </pc:cxnChg>
        <pc:cxnChg chg="add del mod ord modVis">
          <ac:chgData name="Manuel Lidauer" userId="b55e45dd-c6cc-461d-bef5-835fc172e678" providerId="ADAL" clId="{BCD0C6F6-2D95-4A66-B702-D3858BC1FC00}" dt="2019-09-26T10:18:07.846" v="75671"/>
          <ac:cxnSpMkLst>
            <pc:docMk/>
            <pc:sldMk cId="1279582212" sldId="257"/>
            <ac:cxnSpMk id="2166" creationId="{F79C6093-37CC-498E-8BB2-2FD4A75BFBFA}"/>
          </ac:cxnSpMkLst>
        </pc:cxnChg>
        <pc:cxnChg chg="add del mod ord modVis">
          <ac:chgData name="Manuel Lidauer" userId="b55e45dd-c6cc-461d-bef5-835fc172e678" providerId="ADAL" clId="{BCD0C6F6-2D95-4A66-B702-D3858BC1FC00}" dt="2019-09-26T10:18:07.845" v="75669"/>
          <ac:cxnSpMkLst>
            <pc:docMk/>
            <pc:sldMk cId="1279582212" sldId="257"/>
            <ac:cxnSpMk id="2167" creationId="{F9CE1107-2AD6-476B-A33B-C6C1EEC15DE4}"/>
          </ac:cxnSpMkLst>
        </pc:cxnChg>
        <pc:cxnChg chg="add del mod ord modVis">
          <ac:chgData name="Manuel Lidauer" userId="b55e45dd-c6cc-461d-bef5-835fc172e678" providerId="ADAL" clId="{BCD0C6F6-2D95-4A66-B702-D3858BC1FC00}" dt="2019-09-26T10:18:07.844" v="75667"/>
          <ac:cxnSpMkLst>
            <pc:docMk/>
            <pc:sldMk cId="1279582212" sldId="257"/>
            <ac:cxnSpMk id="2168" creationId="{88488656-19E2-4A0B-A260-ED834C74D2D7}"/>
          </ac:cxnSpMkLst>
        </pc:cxnChg>
        <pc:cxnChg chg="add del mod ord modVis">
          <ac:chgData name="Manuel Lidauer" userId="b55e45dd-c6cc-461d-bef5-835fc172e678" providerId="ADAL" clId="{BCD0C6F6-2D95-4A66-B702-D3858BC1FC00}" dt="2019-09-26T10:18:07.844" v="75665"/>
          <ac:cxnSpMkLst>
            <pc:docMk/>
            <pc:sldMk cId="1279582212" sldId="257"/>
            <ac:cxnSpMk id="2169" creationId="{826E896D-AD31-4CBB-9BA1-0F9F4A71FC56}"/>
          </ac:cxnSpMkLst>
        </pc:cxnChg>
        <pc:cxnChg chg="add del mod ord modVis">
          <ac:chgData name="Manuel Lidauer" userId="b55e45dd-c6cc-461d-bef5-835fc172e678" providerId="ADAL" clId="{BCD0C6F6-2D95-4A66-B702-D3858BC1FC00}" dt="2019-09-26T10:18:07.843" v="75663"/>
          <ac:cxnSpMkLst>
            <pc:docMk/>
            <pc:sldMk cId="1279582212" sldId="257"/>
            <ac:cxnSpMk id="2170" creationId="{84B597E3-A2C8-4000-8849-8C0BBE397722}"/>
          </ac:cxnSpMkLst>
        </pc:cxnChg>
        <pc:cxnChg chg="add del mod ord modVis">
          <ac:chgData name="Manuel Lidauer" userId="b55e45dd-c6cc-461d-bef5-835fc172e678" providerId="ADAL" clId="{BCD0C6F6-2D95-4A66-B702-D3858BC1FC00}" dt="2019-09-26T10:18:07.842" v="75661"/>
          <ac:cxnSpMkLst>
            <pc:docMk/>
            <pc:sldMk cId="1279582212" sldId="257"/>
            <ac:cxnSpMk id="2171" creationId="{1A883E6E-03C1-49AB-BC0B-DAD9A3EEBC67}"/>
          </ac:cxnSpMkLst>
        </pc:cxnChg>
        <pc:cxnChg chg="add del mod ord modVis">
          <ac:chgData name="Manuel Lidauer" userId="b55e45dd-c6cc-461d-bef5-835fc172e678" providerId="ADAL" clId="{BCD0C6F6-2D95-4A66-B702-D3858BC1FC00}" dt="2019-09-26T10:18:07.841" v="75659"/>
          <ac:cxnSpMkLst>
            <pc:docMk/>
            <pc:sldMk cId="1279582212" sldId="257"/>
            <ac:cxnSpMk id="2172" creationId="{71EF8250-CF16-4A52-B237-7A23E49276B9}"/>
          </ac:cxnSpMkLst>
        </pc:cxnChg>
        <pc:cxnChg chg="add del mod ord modVis">
          <ac:chgData name="Manuel Lidauer" userId="b55e45dd-c6cc-461d-bef5-835fc172e678" providerId="ADAL" clId="{BCD0C6F6-2D95-4A66-B702-D3858BC1FC00}" dt="2019-09-26T10:18:07.841" v="75657"/>
          <ac:cxnSpMkLst>
            <pc:docMk/>
            <pc:sldMk cId="1279582212" sldId="257"/>
            <ac:cxnSpMk id="2173" creationId="{581202FA-6333-4BAC-93E5-E302BAA95BA7}"/>
          </ac:cxnSpMkLst>
        </pc:cxnChg>
        <pc:cxnChg chg="add del mod ord modVis">
          <ac:chgData name="Manuel Lidauer" userId="b55e45dd-c6cc-461d-bef5-835fc172e678" providerId="ADAL" clId="{BCD0C6F6-2D95-4A66-B702-D3858BC1FC00}" dt="2019-09-26T10:18:07.840" v="75655"/>
          <ac:cxnSpMkLst>
            <pc:docMk/>
            <pc:sldMk cId="1279582212" sldId="257"/>
            <ac:cxnSpMk id="2174" creationId="{AC3DA4F2-2684-4C22-B4D7-69D1E6A63074}"/>
          </ac:cxnSpMkLst>
        </pc:cxnChg>
        <pc:cxnChg chg="add del mod ord modVis">
          <ac:chgData name="Manuel Lidauer" userId="b55e45dd-c6cc-461d-bef5-835fc172e678" providerId="ADAL" clId="{BCD0C6F6-2D95-4A66-B702-D3858BC1FC00}" dt="2019-09-26T10:18:07.839" v="75653"/>
          <ac:cxnSpMkLst>
            <pc:docMk/>
            <pc:sldMk cId="1279582212" sldId="257"/>
            <ac:cxnSpMk id="2175" creationId="{D9E397A2-7C27-459C-8F64-16B4D0FDDC69}"/>
          </ac:cxnSpMkLst>
        </pc:cxnChg>
        <pc:cxnChg chg="add del mod ord modVis">
          <ac:chgData name="Manuel Lidauer" userId="b55e45dd-c6cc-461d-bef5-835fc172e678" providerId="ADAL" clId="{BCD0C6F6-2D95-4A66-B702-D3858BC1FC00}" dt="2019-09-26T10:18:07.838" v="75651"/>
          <ac:cxnSpMkLst>
            <pc:docMk/>
            <pc:sldMk cId="1279582212" sldId="257"/>
            <ac:cxnSpMk id="2176" creationId="{74C49C0D-5259-40F1-9216-45331257BB65}"/>
          </ac:cxnSpMkLst>
        </pc:cxnChg>
        <pc:cxnChg chg="add del mod ord modVis">
          <ac:chgData name="Manuel Lidauer" userId="b55e45dd-c6cc-461d-bef5-835fc172e678" providerId="ADAL" clId="{BCD0C6F6-2D95-4A66-B702-D3858BC1FC00}" dt="2019-09-26T10:18:07.838" v="75649"/>
          <ac:cxnSpMkLst>
            <pc:docMk/>
            <pc:sldMk cId="1279582212" sldId="257"/>
            <ac:cxnSpMk id="2177" creationId="{2A9C2FF1-7D1F-4FBD-B529-AB3C4BEA9E48}"/>
          </ac:cxnSpMkLst>
        </pc:cxnChg>
        <pc:cxnChg chg="add del mod ord modVis">
          <ac:chgData name="Manuel Lidauer" userId="b55e45dd-c6cc-461d-bef5-835fc172e678" providerId="ADAL" clId="{BCD0C6F6-2D95-4A66-B702-D3858BC1FC00}" dt="2019-09-26T10:18:07.837" v="75647"/>
          <ac:cxnSpMkLst>
            <pc:docMk/>
            <pc:sldMk cId="1279582212" sldId="257"/>
            <ac:cxnSpMk id="2178" creationId="{5D1EE81E-8615-4F7C-B0DF-DA3F773BE8E1}"/>
          </ac:cxnSpMkLst>
        </pc:cxnChg>
        <pc:cxnChg chg="add del mod ord modVis">
          <ac:chgData name="Manuel Lidauer" userId="b55e45dd-c6cc-461d-bef5-835fc172e678" providerId="ADAL" clId="{BCD0C6F6-2D95-4A66-B702-D3858BC1FC00}" dt="2019-09-26T10:18:07.837" v="75645"/>
          <ac:cxnSpMkLst>
            <pc:docMk/>
            <pc:sldMk cId="1279582212" sldId="257"/>
            <ac:cxnSpMk id="2179" creationId="{ED216A45-A79C-4954-B2BF-BD1ED159B2D8}"/>
          </ac:cxnSpMkLst>
        </pc:cxnChg>
        <pc:cxnChg chg="add del mod ord modVis">
          <ac:chgData name="Manuel Lidauer" userId="b55e45dd-c6cc-461d-bef5-835fc172e678" providerId="ADAL" clId="{BCD0C6F6-2D95-4A66-B702-D3858BC1FC00}" dt="2019-09-26T10:18:07.835" v="75643"/>
          <ac:cxnSpMkLst>
            <pc:docMk/>
            <pc:sldMk cId="1279582212" sldId="257"/>
            <ac:cxnSpMk id="2180" creationId="{5E35E8E6-1E33-4259-824A-15AFA8517396}"/>
          </ac:cxnSpMkLst>
        </pc:cxnChg>
        <pc:cxnChg chg="add del mod ord modVis">
          <ac:chgData name="Manuel Lidauer" userId="b55e45dd-c6cc-461d-bef5-835fc172e678" providerId="ADAL" clId="{BCD0C6F6-2D95-4A66-B702-D3858BC1FC00}" dt="2019-09-26T10:18:07.834" v="75641"/>
          <ac:cxnSpMkLst>
            <pc:docMk/>
            <pc:sldMk cId="1279582212" sldId="257"/>
            <ac:cxnSpMk id="2181" creationId="{35A8B566-0A1A-4144-B748-ACD7FFA9B33B}"/>
          </ac:cxnSpMkLst>
        </pc:cxnChg>
        <pc:cxnChg chg="add del mod ord modVis">
          <ac:chgData name="Manuel Lidauer" userId="b55e45dd-c6cc-461d-bef5-835fc172e678" providerId="ADAL" clId="{BCD0C6F6-2D95-4A66-B702-D3858BC1FC00}" dt="2019-09-26T10:18:07.834" v="75639"/>
          <ac:cxnSpMkLst>
            <pc:docMk/>
            <pc:sldMk cId="1279582212" sldId="257"/>
            <ac:cxnSpMk id="2182" creationId="{2B1855D2-BC0C-4C1E-92E8-BBE53AE6D562}"/>
          </ac:cxnSpMkLst>
        </pc:cxnChg>
        <pc:cxnChg chg="add del mod ord modVis">
          <ac:chgData name="Manuel Lidauer" userId="b55e45dd-c6cc-461d-bef5-835fc172e678" providerId="ADAL" clId="{BCD0C6F6-2D95-4A66-B702-D3858BC1FC00}" dt="2019-09-26T10:18:07.833" v="75637"/>
          <ac:cxnSpMkLst>
            <pc:docMk/>
            <pc:sldMk cId="1279582212" sldId="257"/>
            <ac:cxnSpMk id="2183" creationId="{A1984719-D5CF-499A-A2E3-F8459690443B}"/>
          </ac:cxnSpMkLst>
        </pc:cxnChg>
        <pc:cxnChg chg="add del mod ord modVis">
          <ac:chgData name="Manuel Lidauer" userId="b55e45dd-c6cc-461d-bef5-835fc172e678" providerId="ADAL" clId="{BCD0C6F6-2D95-4A66-B702-D3858BC1FC00}" dt="2019-09-26T10:18:07.832" v="75635"/>
          <ac:cxnSpMkLst>
            <pc:docMk/>
            <pc:sldMk cId="1279582212" sldId="257"/>
            <ac:cxnSpMk id="2184" creationId="{C08A0DD9-D838-4EE4-A62A-C8016EFF1B32}"/>
          </ac:cxnSpMkLst>
        </pc:cxnChg>
        <pc:cxnChg chg="add del mod ord modVis">
          <ac:chgData name="Manuel Lidauer" userId="b55e45dd-c6cc-461d-bef5-835fc172e678" providerId="ADAL" clId="{BCD0C6F6-2D95-4A66-B702-D3858BC1FC00}" dt="2019-09-26T10:18:07.832" v="75633"/>
          <ac:cxnSpMkLst>
            <pc:docMk/>
            <pc:sldMk cId="1279582212" sldId="257"/>
            <ac:cxnSpMk id="2185" creationId="{3B8FBBFB-3B1B-4F27-B4D8-807BAEBC0FCD}"/>
          </ac:cxnSpMkLst>
        </pc:cxnChg>
        <pc:cxnChg chg="add del mod ord modVis">
          <ac:chgData name="Manuel Lidauer" userId="b55e45dd-c6cc-461d-bef5-835fc172e678" providerId="ADAL" clId="{BCD0C6F6-2D95-4A66-B702-D3858BC1FC00}" dt="2019-09-26T10:18:07.831" v="75631"/>
          <ac:cxnSpMkLst>
            <pc:docMk/>
            <pc:sldMk cId="1279582212" sldId="257"/>
            <ac:cxnSpMk id="2186" creationId="{BFC49D59-0C4A-4B51-8B48-BBBA76D459F1}"/>
          </ac:cxnSpMkLst>
        </pc:cxnChg>
        <pc:cxnChg chg="add del mod ord modVis">
          <ac:chgData name="Manuel Lidauer" userId="b55e45dd-c6cc-461d-bef5-835fc172e678" providerId="ADAL" clId="{BCD0C6F6-2D95-4A66-B702-D3858BC1FC00}" dt="2019-09-26T10:18:07.830" v="75629"/>
          <ac:cxnSpMkLst>
            <pc:docMk/>
            <pc:sldMk cId="1279582212" sldId="257"/>
            <ac:cxnSpMk id="2187" creationId="{929684B2-4453-4BEE-9F6E-F9BD2B637D02}"/>
          </ac:cxnSpMkLst>
        </pc:cxnChg>
        <pc:cxnChg chg="add del mod ord modVis">
          <ac:chgData name="Manuel Lidauer" userId="b55e45dd-c6cc-461d-bef5-835fc172e678" providerId="ADAL" clId="{BCD0C6F6-2D95-4A66-B702-D3858BC1FC00}" dt="2019-09-26T10:18:07.830" v="75627"/>
          <ac:cxnSpMkLst>
            <pc:docMk/>
            <pc:sldMk cId="1279582212" sldId="257"/>
            <ac:cxnSpMk id="2188" creationId="{87D580BD-EEA2-4B9D-9FD4-BCAC6213B43B}"/>
          </ac:cxnSpMkLst>
        </pc:cxnChg>
        <pc:cxnChg chg="add del mod ord modVis">
          <ac:chgData name="Manuel Lidauer" userId="b55e45dd-c6cc-461d-bef5-835fc172e678" providerId="ADAL" clId="{BCD0C6F6-2D95-4A66-B702-D3858BC1FC00}" dt="2019-09-26T10:18:07.829" v="75625"/>
          <ac:cxnSpMkLst>
            <pc:docMk/>
            <pc:sldMk cId="1279582212" sldId="257"/>
            <ac:cxnSpMk id="2189" creationId="{46082228-5B8B-49D8-96EC-CABCF3608B75}"/>
          </ac:cxnSpMkLst>
        </pc:cxnChg>
        <pc:cxnChg chg="add del mod ord modVis">
          <ac:chgData name="Manuel Lidauer" userId="b55e45dd-c6cc-461d-bef5-835fc172e678" providerId="ADAL" clId="{BCD0C6F6-2D95-4A66-B702-D3858BC1FC00}" dt="2019-09-26T10:18:07.828" v="75623"/>
          <ac:cxnSpMkLst>
            <pc:docMk/>
            <pc:sldMk cId="1279582212" sldId="257"/>
            <ac:cxnSpMk id="2190" creationId="{96CB54BB-C6D4-434D-AB93-1455B1C12DD8}"/>
          </ac:cxnSpMkLst>
        </pc:cxnChg>
        <pc:cxnChg chg="add del mod ord modVis">
          <ac:chgData name="Manuel Lidauer" userId="b55e45dd-c6cc-461d-bef5-835fc172e678" providerId="ADAL" clId="{BCD0C6F6-2D95-4A66-B702-D3858BC1FC00}" dt="2019-09-26T10:18:07.828" v="75621"/>
          <ac:cxnSpMkLst>
            <pc:docMk/>
            <pc:sldMk cId="1279582212" sldId="257"/>
            <ac:cxnSpMk id="2191" creationId="{889F4244-D312-4028-8274-A931D2EC980D}"/>
          </ac:cxnSpMkLst>
        </pc:cxnChg>
        <pc:cxnChg chg="add del mod ord modVis">
          <ac:chgData name="Manuel Lidauer" userId="b55e45dd-c6cc-461d-bef5-835fc172e678" providerId="ADAL" clId="{BCD0C6F6-2D95-4A66-B702-D3858BC1FC00}" dt="2019-09-26T10:18:07.827" v="75619"/>
          <ac:cxnSpMkLst>
            <pc:docMk/>
            <pc:sldMk cId="1279582212" sldId="257"/>
            <ac:cxnSpMk id="2192" creationId="{AD7F8C11-39AE-4F3E-A5B7-4575F20BF312}"/>
          </ac:cxnSpMkLst>
        </pc:cxnChg>
        <pc:cxnChg chg="add del mod ord modVis">
          <ac:chgData name="Manuel Lidauer" userId="b55e45dd-c6cc-461d-bef5-835fc172e678" providerId="ADAL" clId="{BCD0C6F6-2D95-4A66-B702-D3858BC1FC00}" dt="2019-09-26T10:18:07.826" v="75617"/>
          <ac:cxnSpMkLst>
            <pc:docMk/>
            <pc:sldMk cId="1279582212" sldId="257"/>
            <ac:cxnSpMk id="2193" creationId="{0937357F-B6BB-47C0-A8EA-F61FBCBD5B6E}"/>
          </ac:cxnSpMkLst>
        </pc:cxnChg>
        <pc:cxnChg chg="add del mod ord modVis">
          <ac:chgData name="Manuel Lidauer" userId="b55e45dd-c6cc-461d-bef5-835fc172e678" providerId="ADAL" clId="{BCD0C6F6-2D95-4A66-B702-D3858BC1FC00}" dt="2019-09-26T10:18:07.826" v="75615"/>
          <ac:cxnSpMkLst>
            <pc:docMk/>
            <pc:sldMk cId="1279582212" sldId="257"/>
            <ac:cxnSpMk id="2194" creationId="{68FD095F-4568-483A-AEC7-DBFDC232DBFD}"/>
          </ac:cxnSpMkLst>
        </pc:cxnChg>
        <pc:cxnChg chg="add mod">
          <ac:chgData name="Manuel Lidauer" userId="b55e45dd-c6cc-461d-bef5-835fc172e678" providerId="ADAL" clId="{BCD0C6F6-2D95-4A66-B702-D3858BC1FC00}" dt="2019-09-26T10:18:08.735" v="76579" actId="208"/>
          <ac:cxnSpMkLst>
            <pc:docMk/>
            <pc:sldMk cId="1279582212" sldId="257"/>
            <ac:cxnSpMk id="2492" creationId="{A7F80935-FC0F-4F10-A55D-D8C55AAB0009}"/>
          </ac:cxnSpMkLst>
        </pc:cxnChg>
        <pc:cxnChg chg="add mod">
          <ac:chgData name="Manuel Lidauer" userId="b55e45dd-c6cc-461d-bef5-835fc172e678" providerId="ADAL" clId="{BCD0C6F6-2D95-4A66-B702-D3858BC1FC00}" dt="2019-09-26T10:18:08.776" v="76638" actId="208"/>
          <ac:cxnSpMkLst>
            <pc:docMk/>
            <pc:sldMk cId="1279582212" sldId="257"/>
            <ac:cxnSpMk id="2494" creationId="{0B9F27C4-0245-4AC6-AC06-9CDB40B9C633}"/>
          </ac:cxnSpMkLst>
        </pc:cxnChg>
        <pc:cxnChg chg="add mod">
          <ac:chgData name="Manuel Lidauer" userId="b55e45dd-c6cc-461d-bef5-835fc172e678" providerId="ADAL" clId="{BCD0C6F6-2D95-4A66-B702-D3858BC1FC00}" dt="2019-09-26T10:18:08.815" v="76696" actId="208"/>
          <ac:cxnSpMkLst>
            <pc:docMk/>
            <pc:sldMk cId="1279582212" sldId="257"/>
            <ac:cxnSpMk id="2496" creationId="{56BC378B-73C2-48B4-A9B6-51343F2C2882}"/>
          </ac:cxnSpMkLst>
        </pc:cxnChg>
        <pc:cxnChg chg="add mod">
          <ac:chgData name="Manuel Lidauer" userId="b55e45dd-c6cc-461d-bef5-835fc172e678" providerId="ADAL" clId="{BCD0C6F6-2D95-4A66-B702-D3858BC1FC00}" dt="2019-09-26T10:18:08.857" v="76756" actId="208"/>
          <ac:cxnSpMkLst>
            <pc:docMk/>
            <pc:sldMk cId="1279582212" sldId="257"/>
            <ac:cxnSpMk id="2498" creationId="{1A409183-2756-4BC1-81FD-277E0028EB02}"/>
          </ac:cxnSpMkLst>
        </pc:cxnChg>
        <pc:cxnChg chg="add mod">
          <ac:chgData name="Manuel Lidauer" userId="b55e45dd-c6cc-461d-bef5-835fc172e678" providerId="ADAL" clId="{BCD0C6F6-2D95-4A66-B702-D3858BC1FC00}" dt="2019-09-26T10:18:08.898" v="76815" actId="208"/>
          <ac:cxnSpMkLst>
            <pc:docMk/>
            <pc:sldMk cId="1279582212" sldId="257"/>
            <ac:cxnSpMk id="2500" creationId="{E608A2D9-A126-45A1-86C8-8C32A96AB501}"/>
          </ac:cxnSpMkLst>
        </pc:cxnChg>
        <pc:cxnChg chg="add mod">
          <ac:chgData name="Manuel Lidauer" userId="b55e45dd-c6cc-461d-bef5-835fc172e678" providerId="ADAL" clId="{BCD0C6F6-2D95-4A66-B702-D3858BC1FC00}" dt="2019-09-26T10:18:08.939" v="76874" actId="208"/>
          <ac:cxnSpMkLst>
            <pc:docMk/>
            <pc:sldMk cId="1279582212" sldId="257"/>
            <ac:cxnSpMk id="2502" creationId="{57335D05-5DFF-4406-A6F9-A6E726F3F618}"/>
          </ac:cxnSpMkLst>
        </pc:cxnChg>
        <pc:cxnChg chg="add mod">
          <ac:chgData name="Manuel Lidauer" userId="b55e45dd-c6cc-461d-bef5-835fc172e678" providerId="ADAL" clId="{BCD0C6F6-2D95-4A66-B702-D3858BC1FC00}" dt="2019-09-26T10:18:08.978" v="76933" actId="208"/>
          <ac:cxnSpMkLst>
            <pc:docMk/>
            <pc:sldMk cId="1279582212" sldId="257"/>
            <ac:cxnSpMk id="2504" creationId="{B07F2E09-A19A-4949-87A2-C3875800D4C5}"/>
          </ac:cxnSpMkLst>
        </pc:cxnChg>
        <pc:cxnChg chg="add mod">
          <ac:chgData name="Manuel Lidauer" userId="b55e45dd-c6cc-461d-bef5-835fc172e678" providerId="ADAL" clId="{BCD0C6F6-2D95-4A66-B702-D3858BC1FC00}" dt="2019-09-26T10:18:09.018" v="76991" actId="208"/>
          <ac:cxnSpMkLst>
            <pc:docMk/>
            <pc:sldMk cId="1279582212" sldId="257"/>
            <ac:cxnSpMk id="2506" creationId="{7C9CF8EB-06A9-4B33-8442-6FE3D34CE51E}"/>
          </ac:cxnSpMkLst>
        </pc:cxnChg>
        <pc:cxnChg chg="add mod ord modVis">
          <ac:chgData name="Manuel Lidauer" userId="b55e45dd-c6cc-461d-bef5-835fc172e678" providerId="ADAL" clId="{BCD0C6F6-2D95-4A66-B702-D3858BC1FC00}" dt="2019-09-26T10:18:09.063" v="77061"/>
          <ac:cxnSpMkLst>
            <pc:docMk/>
            <pc:sldMk cId="1279582212" sldId="257"/>
            <ac:cxnSpMk id="2508" creationId="{411D5AEB-D320-4169-9251-65F6F5C056B2}"/>
          </ac:cxnSpMkLst>
        </pc:cxnChg>
        <pc:cxnChg chg="add mod ord modVis">
          <ac:chgData name="Manuel Lidauer" userId="b55e45dd-c6cc-461d-bef5-835fc172e678" providerId="ADAL" clId="{BCD0C6F6-2D95-4A66-B702-D3858BC1FC00}" dt="2019-09-26T10:18:09.071" v="77079"/>
          <ac:cxnSpMkLst>
            <pc:docMk/>
            <pc:sldMk cId="1279582212" sldId="257"/>
            <ac:cxnSpMk id="2509" creationId="{DF69D75A-3D93-4780-9FCD-69D1137182FE}"/>
          </ac:cxnSpMkLst>
        </pc:cxnChg>
        <pc:cxnChg chg="add mod ord modVis">
          <ac:chgData name="Manuel Lidauer" userId="b55e45dd-c6cc-461d-bef5-835fc172e678" providerId="ADAL" clId="{BCD0C6F6-2D95-4A66-B702-D3858BC1FC00}" dt="2019-09-26T10:18:09.079" v="77097"/>
          <ac:cxnSpMkLst>
            <pc:docMk/>
            <pc:sldMk cId="1279582212" sldId="257"/>
            <ac:cxnSpMk id="2510" creationId="{E4AD774C-1278-4266-8F5C-A2CBFE7E4FCD}"/>
          </ac:cxnSpMkLst>
        </pc:cxnChg>
        <pc:cxnChg chg="add mod ord modVis">
          <ac:chgData name="Manuel Lidauer" userId="b55e45dd-c6cc-461d-bef5-835fc172e678" providerId="ADAL" clId="{BCD0C6F6-2D95-4A66-B702-D3858BC1FC00}" dt="2019-09-26T10:18:09.087" v="77115"/>
          <ac:cxnSpMkLst>
            <pc:docMk/>
            <pc:sldMk cId="1279582212" sldId="257"/>
            <ac:cxnSpMk id="2511" creationId="{D2E353E7-CA71-4129-9CAE-502964A5988D}"/>
          </ac:cxnSpMkLst>
        </pc:cxnChg>
        <pc:cxnChg chg="add mod ord modVis">
          <ac:chgData name="Manuel Lidauer" userId="b55e45dd-c6cc-461d-bef5-835fc172e678" providerId="ADAL" clId="{BCD0C6F6-2D95-4A66-B702-D3858BC1FC00}" dt="2019-09-26T10:18:09.094" v="77133"/>
          <ac:cxnSpMkLst>
            <pc:docMk/>
            <pc:sldMk cId="1279582212" sldId="257"/>
            <ac:cxnSpMk id="2512" creationId="{22790646-A220-4D5B-B8C3-AB0DBA09CE9E}"/>
          </ac:cxnSpMkLst>
        </pc:cxnChg>
        <pc:cxnChg chg="add mod ord modVis">
          <ac:chgData name="Manuel Lidauer" userId="b55e45dd-c6cc-461d-bef5-835fc172e678" providerId="ADAL" clId="{BCD0C6F6-2D95-4A66-B702-D3858BC1FC00}" dt="2019-09-26T10:18:09.102" v="77151"/>
          <ac:cxnSpMkLst>
            <pc:docMk/>
            <pc:sldMk cId="1279582212" sldId="257"/>
            <ac:cxnSpMk id="2513" creationId="{18165204-65E9-4F90-9446-3BF2AB6AD5AC}"/>
          </ac:cxnSpMkLst>
        </pc:cxnChg>
        <pc:cxnChg chg="add mod ord modVis">
          <ac:chgData name="Manuel Lidauer" userId="b55e45dd-c6cc-461d-bef5-835fc172e678" providerId="ADAL" clId="{BCD0C6F6-2D95-4A66-B702-D3858BC1FC00}" dt="2019-09-26T10:18:09.110" v="77169"/>
          <ac:cxnSpMkLst>
            <pc:docMk/>
            <pc:sldMk cId="1279582212" sldId="257"/>
            <ac:cxnSpMk id="2514" creationId="{CBDAFB35-F06A-4408-A67D-4F7DCF918E12}"/>
          </ac:cxnSpMkLst>
        </pc:cxnChg>
        <pc:cxnChg chg="add mod ord modVis">
          <ac:chgData name="Manuel Lidauer" userId="b55e45dd-c6cc-461d-bef5-835fc172e678" providerId="ADAL" clId="{BCD0C6F6-2D95-4A66-B702-D3858BC1FC00}" dt="2019-09-26T10:18:09.117" v="77187"/>
          <ac:cxnSpMkLst>
            <pc:docMk/>
            <pc:sldMk cId="1279582212" sldId="257"/>
            <ac:cxnSpMk id="2515" creationId="{4658FDD1-EC83-4030-8FDC-794CD0702BDB}"/>
          </ac:cxnSpMkLst>
        </pc:cxnChg>
        <pc:cxnChg chg="add mod ord modVis">
          <ac:chgData name="Manuel Lidauer" userId="b55e45dd-c6cc-461d-bef5-835fc172e678" providerId="ADAL" clId="{BCD0C6F6-2D95-4A66-B702-D3858BC1FC00}" dt="2019-09-26T10:18:09.131" v="77205"/>
          <ac:cxnSpMkLst>
            <pc:docMk/>
            <pc:sldMk cId="1279582212" sldId="257"/>
            <ac:cxnSpMk id="2516" creationId="{211CF8CE-B0F3-425E-9E58-E8011C21E61F}"/>
          </ac:cxnSpMkLst>
        </pc:cxnChg>
        <pc:cxnChg chg="add mod ord modVis">
          <ac:chgData name="Manuel Lidauer" userId="b55e45dd-c6cc-461d-bef5-835fc172e678" providerId="ADAL" clId="{BCD0C6F6-2D95-4A66-B702-D3858BC1FC00}" dt="2019-09-26T10:18:09.144" v="77223"/>
          <ac:cxnSpMkLst>
            <pc:docMk/>
            <pc:sldMk cId="1279582212" sldId="257"/>
            <ac:cxnSpMk id="2517" creationId="{92327242-7CCD-4D77-9660-119DF20DE9F1}"/>
          </ac:cxnSpMkLst>
        </pc:cxnChg>
        <pc:cxnChg chg="add mod ord modVis">
          <ac:chgData name="Manuel Lidauer" userId="b55e45dd-c6cc-461d-bef5-835fc172e678" providerId="ADAL" clId="{BCD0C6F6-2D95-4A66-B702-D3858BC1FC00}" dt="2019-09-26T10:18:09.156" v="77241"/>
          <ac:cxnSpMkLst>
            <pc:docMk/>
            <pc:sldMk cId="1279582212" sldId="257"/>
            <ac:cxnSpMk id="2518" creationId="{9A7C255E-5C56-40D4-89C2-8CB49CFC89D3}"/>
          </ac:cxnSpMkLst>
        </pc:cxnChg>
        <pc:cxnChg chg="add mod ord modVis">
          <ac:chgData name="Manuel Lidauer" userId="b55e45dd-c6cc-461d-bef5-835fc172e678" providerId="ADAL" clId="{BCD0C6F6-2D95-4A66-B702-D3858BC1FC00}" dt="2019-09-26T10:18:09.167" v="77259"/>
          <ac:cxnSpMkLst>
            <pc:docMk/>
            <pc:sldMk cId="1279582212" sldId="257"/>
            <ac:cxnSpMk id="2519" creationId="{F7C5EB50-4E62-4A16-971E-235CB96E685F}"/>
          </ac:cxnSpMkLst>
        </pc:cxnChg>
        <pc:cxnChg chg="add mod ord modVis">
          <ac:chgData name="Manuel Lidauer" userId="b55e45dd-c6cc-461d-bef5-835fc172e678" providerId="ADAL" clId="{BCD0C6F6-2D95-4A66-B702-D3858BC1FC00}" dt="2019-09-26T10:18:09.180" v="77277"/>
          <ac:cxnSpMkLst>
            <pc:docMk/>
            <pc:sldMk cId="1279582212" sldId="257"/>
            <ac:cxnSpMk id="2520" creationId="{BDB5310A-EE20-426D-A84C-D57301F3CF6C}"/>
          </ac:cxnSpMkLst>
        </pc:cxnChg>
        <pc:cxnChg chg="add mod ord modVis">
          <ac:chgData name="Manuel Lidauer" userId="b55e45dd-c6cc-461d-bef5-835fc172e678" providerId="ADAL" clId="{BCD0C6F6-2D95-4A66-B702-D3858BC1FC00}" dt="2019-09-26T10:18:09.194" v="77295"/>
          <ac:cxnSpMkLst>
            <pc:docMk/>
            <pc:sldMk cId="1279582212" sldId="257"/>
            <ac:cxnSpMk id="2521" creationId="{0A84F07C-0887-4845-97B5-424613EDD5E6}"/>
          </ac:cxnSpMkLst>
        </pc:cxnChg>
        <pc:cxnChg chg="add mod ord modVis">
          <ac:chgData name="Manuel Lidauer" userId="b55e45dd-c6cc-461d-bef5-835fc172e678" providerId="ADAL" clId="{BCD0C6F6-2D95-4A66-B702-D3858BC1FC00}" dt="2019-09-26T10:18:09.208" v="77313"/>
          <ac:cxnSpMkLst>
            <pc:docMk/>
            <pc:sldMk cId="1279582212" sldId="257"/>
            <ac:cxnSpMk id="2522" creationId="{4A46A898-B733-4474-B5C3-F847D2D13D5F}"/>
          </ac:cxnSpMkLst>
        </pc:cxnChg>
        <pc:cxnChg chg="add mod ord modVis">
          <ac:chgData name="Manuel Lidauer" userId="b55e45dd-c6cc-461d-bef5-835fc172e678" providerId="ADAL" clId="{BCD0C6F6-2D95-4A66-B702-D3858BC1FC00}" dt="2019-09-26T10:18:09.221" v="77331"/>
          <ac:cxnSpMkLst>
            <pc:docMk/>
            <pc:sldMk cId="1279582212" sldId="257"/>
            <ac:cxnSpMk id="2523" creationId="{03B3D460-F09B-4D93-BEC0-4A6B0EBB3578}"/>
          </ac:cxnSpMkLst>
        </pc:cxnChg>
        <pc:cxnChg chg="add mod ord modVis">
          <ac:chgData name="Manuel Lidauer" userId="b55e45dd-c6cc-461d-bef5-835fc172e678" providerId="ADAL" clId="{BCD0C6F6-2D95-4A66-B702-D3858BC1FC00}" dt="2019-09-26T10:18:09.235" v="77349"/>
          <ac:cxnSpMkLst>
            <pc:docMk/>
            <pc:sldMk cId="1279582212" sldId="257"/>
            <ac:cxnSpMk id="2524" creationId="{748CC4B2-552F-4C6C-8E31-428939732DA8}"/>
          </ac:cxnSpMkLst>
        </pc:cxnChg>
        <pc:cxnChg chg="add mod ord modVis">
          <ac:chgData name="Manuel Lidauer" userId="b55e45dd-c6cc-461d-bef5-835fc172e678" providerId="ADAL" clId="{BCD0C6F6-2D95-4A66-B702-D3858BC1FC00}" dt="2019-09-26T10:18:09.248" v="77367"/>
          <ac:cxnSpMkLst>
            <pc:docMk/>
            <pc:sldMk cId="1279582212" sldId="257"/>
            <ac:cxnSpMk id="2525" creationId="{84E81A12-C6D3-4976-A47E-13195E212B46}"/>
          </ac:cxnSpMkLst>
        </pc:cxnChg>
        <pc:cxnChg chg="add mod ord modVis">
          <ac:chgData name="Manuel Lidauer" userId="b55e45dd-c6cc-461d-bef5-835fc172e678" providerId="ADAL" clId="{BCD0C6F6-2D95-4A66-B702-D3858BC1FC00}" dt="2019-09-26T10:18:09.262" v="77385"/>
          <ac:cxnSpMkLst>
            <pc:docMk/>
            <pc:sldMk cId="1279582212" sldId="257"/>
            <ac:cxnSpMk id="2526" creationId="{022A0AB4-F5B0-4BEA-9FEE-D91A1BFD0874}"/>
          </ac:cxnSpMkLst>
        </pc:cxnChg>
        <pc:cxnChg chg="add mod ord modVis">
          <ac:chgData name="Manuel Lidauer" userId="b55e45dd-c6cc-461d-bef5-835fc172e678" providerId="ADAL" clId="{BCD0C6F6-2D95-4A66-B702-D3858BC1FC00}" dt="2019-09-26T10:18:09.276" v="77403"/>
          <ac:cxnSpMkLst>
            <pc:docMk/>
            <pc:sldMk cId="1279582212" sldId="257"/>
            <ac:cxnSpMk id="2527" creationId="{514A77E3-5157-44BE-B704-DA19820F30EF}"/>
          </ac:cxnSpMkLst>
        </pc:cxnChg>
        <pc:cxnChg chg="add mod ord modVis">
          <ac:chgData name="Manuel Lidauer" userId="b55e45dd-c6cc-461d-bef5-835fc172e678" providerId="ADAL" clId="{BCD0C6F6-2D95-4A66-B702-D3858BC1FC00}" dt="2019-09-26T10:18:09.289" v="77421"/>
          <ac:cxnSpMkLst>
            <pc:docMk/>
            <pc:sldMk cId="1279582212" sldId="257"/>
            <ac:cxnSpMk id="2528" creationId="{66497CB9-0AD9-4BE2-8239-FAD79F6933D5}"/>
          </ac:cxnSpMkLst>
        </pc:cxnChg>
        <pc:cxnChg chg="add mod ord modVis">
          <ac:chgData name="Manuel Lidauer" userId="b55e45dd-c6cc-461d-bef5-835fc172e678" providerId="ADAL" clId="{BCD0C6F6-2D95-4A66-B702-D3858BC1FC00}" dt="2019-09-26T10:18:09.297" v="77439"/>
          <ac:cxnSpMkLst>
            <pc:docMk/>
            <pc:sldMk cId="1279582212" sldId="257"/>
            <ac:cxnSpMk id="2529" creationId="{96621490-7397-4FE5-9397-D5D83924FB10}"/>
          </ac:cxnSpMkLst>
        </pc:cxnChg>
        <pc:cxnChg chg="add mod ord modVis">
          <ac:chgData name="Manuel Lidauer" userId="b55e45dd-c6cc-461d-bef5-835fc172e678" providerId="ADAL" clId="{BCD0C6F6-2D95-4A66-B702-D3858BC1FC00}" dt="2019-09-26T10:18:09.305" v="77457"/>
          <ac:cxnSpMkLst>
            <pc:docMk/>
            <pc:sldMk cId="1279582212" sldId="257"/>
            <ac:cxnSpMk id="2530" creationId="{5E7E523F-4016-4227-AF9D-CB5C87247179}"/>
          </ac:cxnSpMkLst>
        </pc:cxnChg>
        <pc:cxnChg chg="add mod ord modVis">
          <ac:chgData name="Manuel Lidauer" userId="b55e45dd-c6cc-461d-bef5-835fc172e678" providerId="ADAL" clId="{BCD0C6F6-2D95-4A66-B702-D3858BC1FC00}" dt="2019-09-26T10:18:09.313" v="77475"/>
          <ac:cxnSpMkLst>
            <pc:docMk/>
            <pc:sldMk cId="1279582212" sldId="257"/>
            <ac:cxnSpMk id="2531" creationId="{16D227AB-8092-4BD6-A102-CCFD716DA0C2}"/>
          </ac:cxnSpMkLst>
        </pc:cxnChg>
        <pc:cxnChg chg="add mod ord modVis">
          <ac:chgData name="Manuel Lidauer" userId="b55e45dd-c6cc-461d-bef5-835fc172e678" providerId="ADAL" clId="{BCD0C6F6-2D95-4A66-B702-D3858BC1FC00}" dt="2019-09-26T10:18:09.321" v="77493"/>
          <ac:cxnSpMkLst>
            <pc:docMk/>
            <pc:sldMk cId="1279582212" sldId="257"/>
            <ac:cxnSpMk id="2532" creationId="{8D72F6ED-8451-46CA-96B4-5B64279BBCAE}"/>
          </ac:cxnSpMkLst>
        </pc:cxnChg>
        <pc:cxnChg chg="add mod ord modVis">
          <ac:chgData name="Manuel Lidauer" userId="b55e45dd-c6cc-461d-bef5-835fc172e678" providerId="ADAL" clId="{BCD0C6F6-2D95-4A66-B702-D3858BC1FC00}" dt="2019-09-26T10:18:09.329" v="77511"/>
          <ac:cxnSpMkLst>
            <pc:docMk/>
            <pc:sldMk cId="1279582212" sldId="257"/>
            <ac:cxnSpMk id="2533" creationId="{F2FD3B6B-53F1-4A64-B867-CF8E1BF4BCED}"/>
          </ac:cxnSpMkLst>
        </pc:cxnChg>
        <pc:cxnChg chg="add mod ord modVis">
          <ac:chgData name="Manuel Lidauer" userId="b55e45dd-c6cc-461d-bef5-835fc172e678" providerId="ADAL" clId="{BCD0C6F6-2D95-4A66-B702-D3858BC1FC00}" dt="2019-09-26T10:18:09.337" v="77529"/>
          <ac:cxnSpMkLst>
            <pc:docMk/>
            <pc:sldMk cId="1279582212" sldId="257"/>
            <ac:cxnSpMk id="2534" creationId="{D6B1F967-22E3-46D6-8BDF-BB4B3ACFDBDF}"/>
          </ac:cxnSpMkLst>
        </pc:cxnChg>
        <pc:cxnChg chg="add mod ord modVis">
          <ac:chgData name="Manuel Lidauer" userId="b55e45dd-c6cc-461d-bef5-835fc172e678" providerId="ADAL" clId="{BCD0C6F6-2D95-4A66-B702-D3858BC1FC00}" dt="2019-09-26T10:18:09.344" v="77547"/>
          <ac:cxnSpMkLst>
            <pc:docMk/>
            <pc:sldMk cId="1279582212" sldId="257"/>
            <ac:cxnSpMk id="2535" creationId="{63F209E1-1DDC-485A-BCC7-18D04667137B}"/>
          </ac:cxnSpMkLst>
        </pc:cxnChg>
        <pc:cxnChg chg="add mod ord modVis">
          <ac:chgData name="Manuel Lidauer" userId="b55e45dd-c6cc-461d-bef5-835fc172e678" providerId="ADAL" clId="{BCD0C6F6-2D95-4A66-B702-D3858BC1FC00}" dt="2019-09-26T10:18:09.354" v="77565"/>
          <ac:cxnSpMkLst>
            <pc:docMk/>
            <pc:sldMk cId="1279582212" sldId="257"/>
            <ac:cxnSpMk id="2536" creationId="{98B60394-C8C5-4107-B98C-B7728E038BC1}"/>
          </ac:cxnSpMkLst>
        </pc:cxnChg>
        <pc:cxnChg chg="add mod ord modVis">
          <ac:chgData name="Manuel Lidauer" userId="b55e45dd-c6cc-461d-bef5-835fc172e678" providerId="ADAL" clId="{BCD0C6F6-2D95-4A66-B702-D3858BC1FC00}" dt="2019-09-26T10:18:09.360" v="77583"/>
          <ac:cxnSpMkLst>
            <pc:docMk/>
            <pc:sldMk cId="1279582212" sldId="257"/>
            <ac:cxnSpMk id="2537" creationId="{D7BD9DB4-B450-4B16-B290-39F1DC26687D}"/>
          </ac:cxnSpMkLst>
        </pc:cxnChg>
        <pc:cxnChg chg="add mod ord modVis">
          <ac:chgData name="Manuel Lidauer" userId="b55e45dd-c6cc-461d-bef5-835fc172e678" providerId="ADAL" clId="{BCD0C6F6-2D95-4A66-B702-D3858BC1FC00}" dt="2019-09-26T10:18:09.369" v="77601"/>
          <ac:cxnSpMkLst>
            <pc:docMk/>
            <pc:sldMk cId="1279582212" sldId="257"/>
            <ac:cxnSpMk id="2538" creationId="{FD269714-71EE-4F9E-B61F-1D6E8EB793AD}"/>
          </ac:cxnSpMkLst>
        </pc:cxnChg>
        <pc:cxnChg chg="add mod ord modVis">
          <ac:chgData name="Manuel Lidauer" userId="b55e45dd-c6cc-461d-bef5-835fc172e678" providerId="ADAL" clId="{BCD0C6F6-2D95-4A66-B702-D3858BC1FC00}" dt="2019-09-26T10:18:09.376" v="77619"/>
          <ac:cxnSpMkLst>
            <pc:docMk/>
            <pc:sldMk cId="1279582212" sldId="257"/>
            <ac:cxnSpMk id="2539" creationId="{6D57FA2C-1C72-47B9-A343-39C2B57CDDC2}"/>
          </ac:cxnSpMkLst>
        </pc:cxnChg>
        <pc:cxnChg chg="add mod ord modVis">
          <ac:chgData name="Manuel Lidauer" userId="b55e45dd-c6cc-461d-bef5-835fc172e678" providerId="ADAL" clId="{BCD0C6F6-2D95-4A66-B702-D3858BC1FC00}" dt="2019-09-26T10:18:09.384" v="77637"/>
          <ac:cxnSpMkLst>
            <pc:docMk/>
            <pc:sldMk cId="1279582212" sldId="257"/>
            <ac:cxnSpMk id="2540" creationId="{9356D758-761D-44BF-9B9D-4BDB91F92383}"/>
          </ac:cxnSpMkLst>
        </pc:cxnChg>
        <pc:cxnChg chg="add mod ord modVis">
          <ac:chgData name="Manuel Lidauer" userId="b55e45dd-c6cc-461d-bef5-835fc172e678" providerId="ADAL" clId="{BCD0C6F6-2D95-4A66-B702-D3858BC1FC00}" dt="2019-09-26T10:18:09.392" v="77655"/>
          <ac:cxnSpMkLst>
            <pc:docMk/>
            <pc:sldMk cId="1279582212" sldId="257"/>
            <ac:cxnSpMk id="2541" creationId="{040C1C1E-E355-4FCE-898B-E73DDDF23BEB}"/>
          </ac:cxnSpMkLst>
        </pc:cxnChg>
        <pc:cxnChg chg="add mod ord modVis">
          <ac:chgData name="Manuel Lidauer" userId="b55e45dd-c6cc-461d-bef5-835fc172e678" providerId="ADAL" clId="{BCD0C6F6-2D95-4A66-B702-D3858BC1FC00}" dt="2019-09-26T10:18:09.400" v="77673"/>
          <ac:cxnSpMkLst>
            <pc:docMk/>
            <pc:sldMk cId="1279582212" sldId="257"/>
            <ac:cxnSpMk id="2542" creationId="{5119370E-5CFC-4DDC-AD1E-9C4E57AE383B}"/>
          </ac:cxnSpMkLst>
        </pc:cxnChg>
        <pc:cxnChg chg="add mod ord modVis">
          <ac:chgData name="Manuel Lidauer" userId="b55e45dd-c6cc-461d-bef5-835fc172e678" providerId="ADAL" clId="{BCD0C6F6-2D95-4A66-B702-D3858BC1FC00}" dt="2019-09-26T10:18:09.408" v="77691"/>
          <ac:cxnSpMkLst>
            <pc:docMk/>
            <pc:sldMk cId="1279582212" sldId="257"/>
            <ac:cxnSpMk id="2543" creationId="{3E376341-6791-4BFC-8FA1-E8ED671AACD1}"/>
          </ac:cxnSpMkLst>
        </pc:cxnChg>
        <pc:cxnChg chg="add mod ord modVis">
          <ac:chgData name="Manuel Lidauer" userId="b55e45dd-c6cc-461d-bef5-835fc172e678" providerId="ADAL" clId="{BCD0C6F6-2D95-4A66-B702-D3858BC1FC00}" dt="2019-09-26T10:18:09.415" v="77709"/>
          <ac:cxnSpMkLst>
            <pc:docMk/>
            <pc:sldMk cId="1279582212" sldId="257"/>
            <ac:cxnSpMk id="2544" creationId="{A2AD6A08-CFC1-4E83-AA7C-C7B1CF325969}"/>
          </ac:cxnSpMkLst>
        </pc:cxnChg>
        <pc:cxnChg chg="add mod ord modVis">
          <ac:chgData name="Manuel Lidauer" userId="b55e45dd-c6cc-461d-bef5-835fc172e678" providerId="ADAL" clId="{BCD0C6F6-2D95-4A66-B702-D3858BC1FC00}" dt="2019-09-26T10:18:09.424" v="77727"/>
          <ac:cxnSpMkLst>
            <pc:docMk/>
            <pc:sldMk cId="1279582212" sldId="257"/>
            <ac:cxnSpMk id="2545" creationId="{67939810-7B7E-47A6-B888-7DEDF344C932}"/>
          </ac:cxnSpMkLst>
        </pc:cxnChg>
        <pc:cxnChg chg="add mod ord modVis">
          <ac:chgData name="Manuel Lidauer" userId="b55e45dd-c6cc-461d-bef5-835fc172e678" providerId="ADAL" clId="{BCD0C6F6-2D95-4A66-B702-D3858BC1FC00}" dt="2019-09-26T10:18:09.431" v="77745"/>
          <ac:cxnSpMkLst>
            <pc:docMk/>
            <pc:sldMk cId="1279582212" sldId="257"/>
            <ac:cxnSpMk id="2546" creationId="{D8648EAB-FCED-4017-8453-FEDD6CE2CBCE}"/>
          </ac:cxnSpMkLst>
        </pc:cxnChg>
        <pc:cxnChg chg="add mod ord modVis">
          <ac:chgData name="Manuel Lidauer" userId="b55e45dd-c6cc-461d-bef5-835fc172e678" providerId="ADAL" clId="{BCD0C6F6-2D95-4A66-B702-D3858BC1FC00}" dt="2019-09-26T10:18:09.440" v="77763"/>
          <ac:cxnSpMkLst>
            <pc:docMk/>
            <pc:sldMk cId="1279582212" sldId="257"/>
            <ac:cxnSpMk id="2547" creationId="{A05BE580-68A5-420A-B3D4-3066414AB701}"/>
          </ac:cxnSpMkLst>
        </pc:cxnChg>
      </pc:sldChg>
    </pc:docChg>
  </pc:docChgLst>
</pc:chgInfo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elfoli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2709267" y="1995312"/>
            <a:ext cx="16255604" cy="4244622"/>
          </a:xfrm>
        </p:spPr>
        <p:txBody>
          <a:bodyPr anchor="b"/>
          <a:lstStyle>
            <a:lvl1pPr algn="ctr">
              <a:defRPr sz="10666"/>
            </a:lvl1pPr>
          </a:lstStyle>
          <a:p>
            <a:r>
              <a:rPr lang="de-DE"/>
              <a:t>Mastertitelformat bearbeiten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2709267" y="6403623"/>
            <a:ext cx="16255604" cy="2943577"/>
          </a:xfrm>
        </p:spPr>
        <p:txBody>
          <a:bodyPr/>
          <a:lstStyle>
            <a:lvl1pPr marL="0" indent="0" algn="ctr">
              <a:buNone/>
              <a:defRPr sz="4266"/>
            </a:lvl1pPr>
            <a:lvl2pPr marL="812764" indent="0" algn="ctr">
              <a:buNone/>
              <a:defRPr sz="3555"/>
            </a:lvl2pPr>
            <a:lvl3pPr marL="1625529" indent="0" algn="ctr">
              <a:buNone/>
              <a:defRPr sz="3200"/>
            </a:lvl3pPr>
            <a:lvl4pPr marL="2438293" indent="0" algn="ctr">
              <a:buNone/>
              <a:defRPr sz="2844"/>
            </a:lvl4pPr>
            <a:lvl5pPr marL="3251058" indent="0" algn="ctr">
              <a:buNone/>
              <a:defRPr sz="2844"/>
            </a:lvl5pPr>
            <a:lvl6pPr marL="4063822" indent="0" algn="ctr">
              <a:buNone/>
              <a:defRPr sz="2844"/>
            </a:lvl6pPr>
            <a:lvl7pPr marL="4876587" indent="0" algn="ctr">
              <a:buNone/>
              <a:defRPr sz="2844"/>
            </a:lvl7pPr>
            <a:lvl8pPr marL="5689351" indent="0" algn="ctr">
              <a:buNone/>
              <a:defRPr sz="2844"/>
            </a:lvl8pPr>
            <a:lvl9pPr marL="6502116" indent="0" algn="ctr">
              <a:buNone/>
              <a:defRPr sz="2844"/>
            </a:lvl9pPr>
          </a:lstStyle>
          <a:p>
            <a:r>
              <a:rPr lang="de-DE"/>
              <a:t>Master-Untertitelformat bearbeiten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A5A4032-9446-4DAD-B6D9-02424B13CBAF}" type="datetimeFigureOut">
              <a:rPr lang="en-GB" smtClean="0"/>
              <a:t>23/12/2019</a:t>
            </a:fld>
            <a:endParaRPr lang="en-GB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25D65BA-83D8-4FAA-940A-87F8C8CAABAF}" type="slidenum">
              <a:rPr lang="en-GB" smtClean="0"/>
              <a:t>‹Nr.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086293564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el und vertikaler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/>
              <a:t>Mastertitelformat bearbeiten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de-DE"/>
              <a:t>Mastertextformat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A5A4032-9446-4DAD-B6D9-02424B13CBAF}" type="datetimeFigureOut">
              <a:rPr lang="en-GB" smtClean="0"/>
              <a:t>23/12/2019</a:t>
            </a:fld>
            <a:endParaRPr lang="en-GB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25D65BA-83D8-4FAA-940A-87F8C8CAABAF}" type="slidenum">
              <a:rPr lang="en-GB" smtClean="0"/>
              <a:t>‹Nr.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527763020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kaler Titel u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15510555" y="649111"/>
            <a:ext cx="4673486" cy="10332156"/>
          </a:xfrm>
        </p:spPr>
        <p:txBody>
          <a:bodyPr vert="eaVert"/>
          <a:lstStyle/>
          <a:p>
            <a:r>
              <a:rPr lang="de-DE"/>
              <a:t>Mastertitelformat bearbeiten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1490097" y="649111"/>
            <a:ext cx="13749531" cy="10332156"/>
          </a:xfrm>
        </p:spPr>
        <p:txBody>
          <a:bodyPr vert="eaVert"/>
          <a:lstStyle/>
          <a:p>
            <a:pPr lvl="0"/>
            <a:r>
              <a:rPr lang="de-DE"/>
              <a:t>Mastertextformat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A5A4032-9446-4DAD-B6D9-02424B13CBAF}" type="datetimeFigureOut">
              <a:rPr lang="en-GB" smtClean="0"/>
              <a:t>23/12/2019</a:t>
            </a:fld>
            <a:endParaRPr lang="en-GB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25D65BA-83D8-4FAA-940A-87F8C8CAABAF}" type="slidenum">
              <a:rPr lang="en-GB" smtClean="0"/>
              <a:t>‹Nr.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744686086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el und Inhal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/>
              <a:t>Mastertitelformat bearbeiten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de-DE"/>
              <a:t>Mastertextformat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A5A4032-9446-4DAD-B6D9-02424B13CBAF}" type="datetimeFigureOut">
              <a:rPr lang="en-GB" smtClean="0"/>
              <a:t>23/12/2019</a:t>
            </a:fld>
            <a:endParaRPr lang="en-GB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25D65BA-83D8-4FAA-940A-87F8C8CAABAF}" type="slidenum">
              <a:rPr lang="en-GB" smtClean="0"/>
              <a:t>‹Nr.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090847320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Abschnitts-&#10;überschrif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478808" y="3039535"/>
            <a:ext cx="18693944" cy="5071532"/>
          </a:xfrm>
        </p:spPr>
        <p:txBody>
          <a:bodyPr anchor="b"/>
          <a:lstStyle>
            <a:lvl1pPr>
              <a:defRPr sz="10666"/>
            </a:lvl1pPr>
          </a:lstStyle>
          <a:p>
            <a:r>
              <a:rPr lang="de-DE"/>
              <a:t>Mastertitelformat bearbeiten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1478808" y="8159046"/>
            <a:ext cx="18693944" cy="2666999"/>
          </a:xfrm>
        </p:spPr>
        <p:txBody>
          <a:bodyPr/>
          <a:lstStyle>
            <a:lvl1pPr marL="0" indent="0">
              <a:buNone/>
              <a:defRPr sz="4266">
                <a:solidFill>
                  <a:schemeClr val="tx1">
                    <a:tint val="75000"/>
                  </a:schemeClr>
                </a:solidFill>
              </a:defRPr>
            </a:lvl1pPr>
            <a:lvl2pPr marL="812764" indent="0">
              <a:buNone/>
              <a:defRPr sz="3555">
                <a:solidFill>
                  <a:schemeClr val="tx1">
                    <a:tint val="75000"/>
                  </a:schemeClr>
                </a:solidFill>
              </a:defRPr>
            </a:lvl2pPr>
            <a:lvl3pPr marL="1625529" indent="0">
              <a:buNone/>
              <a:defRPr sz="3200">
                <a:solidFill>
                  <a:schemeClr val="tx1">
                    <a:tint val="75000"/>
                  </a:schemeClr>
                </a:solidFill>
              </a:defRPr>
            </a:lvl3pPr>
            <a:lvl4pPr marL="2438293" indent="0">
              <a:buNone/>
              <a:defRPr sz="2844">
                <a:solidFill>
                  <a:schemeClr val="tx1">
                    <a:tint val="75000"/>
                  </a:schemeClr>
                </a:solidFill>
              </a:defRPr>
            </a:lvl4pPr>
            <a:lvl5pPr marL="3251058" indent="0">
              <a:buNone/>
              <a:defRPr sz="2844">
                <a:solidFill>
                  <a:schemeClr val="tx1">
                    <a:tint val="75000"/>
                  </a:schemeClr>
                </a:solidFill>
              </a:defRPr>
            </a:lvl5pPr>
            <a:lvl6pPr marL="4063822" indent="0">
              <a:buNone/>
              <a:defRPr sz="2844">
                <a:solidFill>
                  <a:schemeClr val="tx1">
                    <a:tint val="75000"/>
                  </a:schemeClr>
                </a:solidFill>
              </a:defRPr>
            </a:lvl6pPr>
            <a:lvl7pPr marL="4876587" indent="0">
              <a:buNone/>
              <a:defRPr sz="2844">
                <a:solidFill>
                  <a:schemeClr val="tx1">
                    <a:tint val="75000"/>
                  </a:schemeClr>
                </a:solidFill>
              </a:defRPr>
            </a:lvl7pPr>
            <a:lvl8pPr marL="5689351" indent="0">
              <a:buNone/>
              <a:defRPr sz="2844">
                <a:solidFill>
                  <a:schemeClr val="tx1">
                    <a:tint val="75000"/>
                  </a:schemeClr>
                </a:solidFill>
              </a:defRPr>
            </a:lvl8pPr>
            <a:lvl9pPr marL="6502116" indent="0">
              <a:buNone/>
              <a:defRPr sz="2844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de-DE"/>
              <a:t>Mastertextformat bearbeiten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A5A4032-9446-4DAD-B6D9-02424B13CBAF}" type="datetimeFigureOut">
              <a:rPr lang="en-GB" smtClean="0"/>
              <a:t>23/12/2019</a:t>
            </a:fld>
            <a:endParaRPr lang="en-GB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25D65BA-83D8-4FAA-940A-87F8C8CAABAF}" type="slidenum">
              <a:rPr lang="en-GB" smtClean="0"/>
              <a:t>‹Nr.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144772487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Zwei Inhal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/>
              <a:t>Mastertitelformat bearbeiten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1490097" y="3245556"/>
            <a:ext cx="9211509" cy="7735712"/>
          </a:xfrm>
        </p:spPr>
        <p:txBody>
          <a:bodyPr/>
          <a:lstStyle/>
          <a:p>
            <a:pPr lvl="0"/>
            <a:r>
              <a:rPr lang="de-DE"/>
              <a:t>Mastertextformat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  <a:endParaRPr lang="en-US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10972532" y="3245556"/>
            <a:ext cx="9211509" cy="7735712"/>
          </a:xfrm>
        </p:spPr>
        <p:txBody>
          <a:bodyPr/>
          <a:lstStyle/>
          <a:p>
            <a:pPr lvl="0"/>
            <a:r>
              <a:rPr lang="de-DE"/>
              <a:t>Mastertextformat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  <a:endParaRPr lang="en-US" dirty="0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A5A4032-9446-4DAD-B6D9-02424B13CBAF}" type="datetimeFigureOut">
              <a:rPr lang="en-GB" smtClean="0"/>
              <a:t>23/12/2019</a:t>
            </a:fld>
            <a:endParaRPr lang="en-GB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25D65BA-83D8-4FAA-940A-87F8C8CAABAF}" type="slidenum">
              <a:rPr lang="en-GB" smtClean="0"/>
              <a:t>‹Nr.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577231931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Vergleich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492920" y="649112"/>
            <a:ext cx="18693944" cy="2356556"/>
          </a:xfrm>
        </p:spPr>
        <p:txBody>
          <a:bodyPr/>
          <a:lstStyle/>
          <a:p>
            <a:r>
              <a:rPr lang="de-DE"/>
              <a:t>Mastertitelformat bearbeiten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1492921" y="2988734"/>
            <a:ext cx="9169175" cy="1464732"/>
          </a:xfrm>
        </p:spPr>
        <p:txBody>
          <a:bodyPr anchor="b"/>
          <a:lstStyle>
            <a:lvl1pPr marL="0" indent="0">
              <a:buNone/>
              <a:defRPr sz="4266" b="1"/>
            </a:lvl1pPr>
            <a:lvl2pPr marL="812764" indent="0">
              <a:buNone/>
              <a:defRPr sz="3555" b="1"/>
            </a:lvl2pPr>
            <a:lvl3pPr marL="1625529" indent="0">
              <a:buNone/>
              <a:defRPr sz="3200" b="1"/>
            </a:lvl3pPr>
            <a:lvl4pPr marL="2438293" indent="0">
              <a:buNone/>
              <a:defRPr sz="2844" b="1"/>
            </a:lvl4pPr>
            <a:lvl5pPr marL="3251058" indent="0">
              <a:buNone/>
              <a:defRPr sz="2844" b="1"/>
            </a:lvl5pPr>
            <a:lvl6pPr marL="4063822" indent="0">
              <a:buNone/>
              <a:defRPr sz="2844" b="1"/>
            </a:lvl6pPr>
            <a:lvl7pPr marL="4876587" indent="0">
              <a:buNone/>
              <a:defRPr sz="2844" b="1"/>
            </a:lvl7pPr>
            <a:lvl8pPr marL="5689351" indent="0">
              <a:buNone/>
              <a:defRPr sz="2844" b="1"/>
            </a:lvl8pPr>
            <a:lvl9pPr marL="6502116" indent="0">
              <a:buNone/>
              <a:defRPr sz="2844" b="1"/>
            </a:lvl9pPr>
          </a:lstStyle>
          <a:p>
            <a:pPr lvl="0"/>
            <a:r>
              <a:rPr lang="de-DE"/>
              <a:t>Mastertextformat bearbeiten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1492921" y="4453467"/>
            <a:ext cx="9169175" cy="6550379"/>
          </a:xfrm>
        </p:spPr>
        <p:txBody>
          <a:bodyPr/>
          <a:lstStyle/>
          <a:p>
            <a:pPr lvl="0"/>
            <a:r>
              <a:rPr lang="de-DE"/>
              <a:t>Mastertextformat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  <a:endParaRPr lang="en-US" dirty="0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10972532" y="2988734"/>
            <a:ext cx="9214332" cy="1464732"/>
          </a:xfrm>
        </p:spPr>
        <p:txBody>
          <a:bodyPr anchor="b"/>
          <a:lstStyle>
            <a:lvl1pPr marL="0" indent="0">
              <a:buNone/>
              <a:defRPr sz="4266" b="1"/>
            </a:lvl1pPr>
            <a:lvl2pPr marL="812764" indent="0">
              <a:buNone/>
              <a:defRPr sz="3555" b="1"/>
            </a:lvl2pPr>
            <a:lvl3pPr marL="1625529" indent="0">
              <a:buNone/>
              <a:defRPr sz="3200" b="1"/>
            </a:lvl3pPr>
            <a:lvl4pPr marL="2438293" indent="0">
              <a:buNone/>
              <a:defRPr sz="2844" b="1"/>
            </a:lvl4pPr>
            <a:lvl5pPr marL="3251058" indent="0">
              <a:buNone/>
              <a:defRPr sz="2844" b="1"/>
            </a:lvl5pPr>
            <a:lvl6pPr marL="4063822" indent="0">
              <a:buNone/>
              <a:defRPr sz="2844" b="1"/>
            </a:lvl6pPr>
            <a:lvl7pPr marL="4876587" indent="0">
              <a:buNone/>
              <a:defRPr sz="2844" b="1"/>
            </a:lvl7pPr>
            <a:lvl8pPr marL="5689351" indent="0">
              <a:buNone/>
              <a:defRPr sz="2844" b="1"/>
            </a:lvl8pPr>
            <a:lvl9pPr marL="6502116" indent="0">
              <a:buNone/>
              <a:defRPr sz="2844" b="1"/>
            </a:lvl9pPr>
          </a:lstStyle>
          <a:p>
            <a:pPr lvl="0"/>
            <a:r>
              <a:rPr lang="de-DE"/>
              <a:t>Mastertextformat bearbeiten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10972532" y="4453467"/>
            <a:ext cx="9214332" cy="6550379"/>
          </a:xfrm>
        </p:spPr>
        <p:txBody>
          <a:bodyPr/>
          <a:lstStyle/>
          <a:p>
            <a:pPr lvl="0"/>
            <a:r>
              <a:rPr lang="de-DE"/>
              <a:t>Mastertextformat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  <a:endParaRPr lang="en-US" dirty="0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A5A4032-9446-4DAD-B6D9-02424B13CBAF}" type="datetimeFigureOut">
              <a:rPr lang="en-GB" smtClean="0"/>
              <a:t>23/12/2019</a:t>
            </a:fld>
            <a:endParaRPr lang="en-GB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25D65BA-83D8-4FAA-940A-87F8C8CAABAF}" type="slidenum">
              <a:rPr lang="en-GB" smtClean="0"/>
              <a:t>‹Nr.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092021797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Nur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/>
              <a:t>Mastertitelformat bearbeiten</a:t>
            </a:r>
            <a:endParaRPr lang="en-US" dirty="0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A5A4032-9446-4DAD-B6D9-02424B13CBAF}" type="datetimeFigureOut">
              <a:rPr lang="en-GB" smtClean="0"/>
              <a:t>23/12/2019</a:t>
            </a:fld>
            <a:endParaRPr lang="en-GB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25D65BA-83D8-4FAA-940A-87F8C8CAABAF}" type="slidenum">
              <a:rPr lang="en-GB" smtClean="0"/>
              <a:t>‹Nr.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558268385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Le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A5A4032-9446-4DAD-B6D9-02424B13CBAF}" type="datetimeFigureOut">
              <a:rPr lang="en-GB" smtClean="0"/>
              <a:t>23/12/2019</a:t>
            </a:fld>
            <a:endParaRPr lang="en-GB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25D65BA-83D8-4FAA-940A-87F8C8CAABAF}" type="slidenum">
              <a:rPr lang="en-GB" smtClean="0"/>
              <a:t>‹Nr.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251674621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Inhalt mit Überschrif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492921" y="812800"/>
            <a:ext cx="6990473" cy="2844800"/>
          </a:xfrm>
        </p:spPr>
        <p:txBody>
          <a:bodyPr anchor="b"/>
          <a:lstStyle>
            <a:lvl1pPr>
              <a:defRPr sz="5689"/>
            </a:lvl1pPr>
          </a:lstStyle>
          <a:p>
            <a:r>
              <a:rPr lang="de-DE"/>
              <a:t>Mastertitelformat bearbeiten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214332" y="1755423"/>
            <a:ext cx="10972532" cy="8664222"/>
          </a:xfrm>
        </p:spPr>
        <p:txBody>
          <a:bodyPr/>
          <a:lstStyle>
            <a:lvl1pPr>
              <a:defRPr sz="5689"/>
            </a:lvl1pPr>
            <a:lvl2pPr>
              <a:defRPr sz="4978"/>
            </a:lvl2pPr>
            <a:lvl3pPr>
              <a:defRPr sz="4266"/>
            </a:lvl3pPr>
            <a:lvl4pPr>
              <a:defRPr sz="3555"/>
            </a:lvl4pPr>
            <a:lvl5pPr>
              <a:defRPr sz="3555"/>
            </a:lvl5pPr>
            <a:lvl6pPr>
              <a:defRPr sz="3555"/>
            </a:lvl6pPr>
            <a:lvl7pPr>
              <a:defRPr sz="3555"/>
            </a:lvl7pPr>
            <a:lvl8pPr>
              <a:defRPr sz="3555"/>
            </a:lvl8pPr>
            <a:lvl9pPr>
              <a:defRPr sz="3555"/>
            </a:lvl9pPr>
          </a:lstStyle>
          <a:p>
            <a:pPr lvl="0"/>
            <a:r>
              <a:rPr lang="de-DE"/>
              <a:t>Mastertextformat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1492921" y="3657600"/>
            <a:ext cx="6990473" cy="6776156"/>
          </a:xfrm>
        </p:spPr>
        <p:txBody>
          <a:bodyPr/>
          <a:lstStyle>
            <a:lvl1pPr marL="0" indent="0">
              <a:buNone/>
              <a:defRPr sz="2844"/>
            </a:lvl1pPr>
            <a:lvl2pPr marL="812764" indent="0">
              <a:buNone/>
              <a:defRPr sz="2489"/>
            </a:lvl2pPr>
            <a:lvl3pPr marL="1625529" indent="0">
              <a:buNone/>
              <a:defRPr sz="2133"/>
            </a:lvl3pPr>
            <a:lvl4pPr marL="2438293" indent="0">
              <a:buNone/>
              <a:defRPr sz="1778"/>
            </a:lvl4pPr>
            <a:lvl5pPr marL="3251058" indent="0">
              <a:buNone/>
              <a:defRPr sz="1778"/>
            </a:lvl5pPr>
            <a:lvl6pPr marL="4063822" indent="0">
              <a:buNone/>
              <a:defRPr sz="1778"/>
            </a:lvl6pPr>
            <a:lvl7pPr marL="4876587" indent="0">
              <a:buNone/>
              <a:defRPr sz="1778"/>
            </a:lvl7pPr>
            <a:lvl8pPr marL="5689351" indent="0">
              <a:buNone/>
              <a:defRPr sz="1778"/>
            </a:lvl8pPr>
            <a:lvl9pPr marL="6502116" indent="0">
              <a:buNone/>
              <a:defRPr sz="1778"/>
            </a:lvl9pPr>
          </a:lstStyle>
          <a:p>
            <a:pPr lvl="0"/>
            <a:r>
              <a:rPr lang="de-DE"/>
              <a:t>Mastertextformat bearbeiten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A5A4032-9446-4DAD-B6D9-02424B13CBAF}" type="datetimeFigureOut">
              <a:rPr lang="en-GB" smtClean="0"/>
              <a:t>23/12/2019</a:t>
            </a:fld>
            <a:endParaRPr lang="en-GB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25D65BA-83D8-4FAA-940A-87F8C8CAABAF}" type="slidenum">
              <a:rPr lang="en-GB" smtClean="0"/>
              <a:t>‹Nr.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897768647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Bild mit Überschrif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492921" y="812800"/>
            <a:ext cx="6990473" cy="2844800"/>
          </a:xfrm>
        </p:spPr>
        <p:txBody>
          <a:bodyPr anchor="b"/>
          <a:lstStyle>
            <a:lvl1pPr>
              <a:defRPr sz="5689"/>
            </a:lvl1pPr>
          </a:lstStyle>
          <a:p>
            <a:r>
              <a:rPr lang="de-DE"/>
              <a:t>Mastertitelformat bearbeiten</a:t>
            </a:r>
            <a:endParaRPr lang="en-US" dirty="0"/>
          </a:p>
        </p:txBody>
      </p:sp>
      <p:sp>
        <p:nvSpPr>
          <p:cNvPr id="3" name="Picture Placeholder 2"/>
          <p:cNvSpPr>
            <a:spLocks noGrp="1" noChangeAspect="1"/>
          </p:cNvSpPr>
          <p:nvPr>
            <p:ph type="pic" idx="1"/>
          </p:nvPr>
        </p:nvSpPr>
        <p:spPr>
          <a:xfrm>
            <a:off x="9214332" y="1755423"/>
            <a:ext cx="10972532" cy="8664222"/>
          </a:xfrm>
        </p:spPr>
        <p:txBody>
          <a:bodyPr anchor="t"/>
          <a:lstStyle>
            <a:lvl1pPr marL="0" indent="0">
              <a:buNone/>
              <a:defRPr sz="5689"/>
            </a:lvl1pPr>
            <a:lvl2pPr marL="812764" indent="0">
              <a:buNone/>
              <a:defRPr sz="4978"/>
            </a:lvl2pPr>
            <a:lvl3pPr marL="1625529" indent="0">
              <a:buNone/>
              <a:defRPr sz="4266"/>
            </a:lvl3pPr>
            <a:lvl4pPr marL="2438293" indent="0">
              <a:buNone/>
              <a:defRPr sz="3555"/>
            </a:lvl4pPr>
            <a:lvl5pPr marL="3251058" indent="0">
              <a:buNone/>
              <a:defRPr sz="3555"/>
            </a:lvl5pPr>
            <a:lvl6pPr marL="4063822" indent="0">
              <a:buNone/>
              <a:defRPr sz="3555"/>
            </a:lvl6pPr>
            <a:lvl7pPr marL="4876587" indent="0">
              <a:buNone/>
              <a:defRPr sz="3555"/>
            </a:lvl7pPr>
            <a:lvl8pPr marL="5689351" indent="0">
              <a:buNone/>
              <a:defRPr sz="3555"/>
            </a:lvl8pPr>
            <a:lvl9pPr marL="6502116" indent="0">
              <a:buNone/>
              <a:defRPr sz="3555"/>
            </a:lvl9pPr>
          </a:lstStyle>
          <a:p>
            <a:r>
              <a:rPr lang="de-DE"/>
              <a:t>Bild durch Klicken auf Symbol hinzufügen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1492921" y="3657600"/>
            <a:ext cx="6990473" cy="6776156"/>
          </a:xfrm>
        </p:spPr>
        <p:txBody>
          <a:bodyPr/>
          <a:lstStyle>
            <a:lvl1pPr marL="0" indent="0">
              <a:buNone/>
              <a:defRPr sz="2844"/>
            </a:lvl1pPr>
            <a:lvl2pPr marL="812764" indent="0">
              <a:buNone/>
              <a:defRPr sz="2489"/>
            </a:lvl2pPr>
            <a:lvl3pPr marL="1625529" indent="0">
              <a:buNone/>
              <a:defRPr sz="2133"/>
            </a:lvl3pPr>
            <a:lvl4pPr marL="2438293" indent="0">
              <a:buNone/>
              <a:defRPr sz="1778"/>
            </a:lvl4pPr>
            <a:lvl5pPr marL="3251058" indent="0">
              <a:buNone/>
              <a:defRPr sz="1778"/>
            </a:lvl5pPr>
            <a:lvl6pPr marL="4063822" indent="0">
              <a:buNone/>
              <a:defRPr sz="1778"/>
            </a:lvl6pPr>
            <a:lvl7pPr marL="4876587" indent="0">
              <a:buNone/>
              <a:defRPr sz="1778"/>
            </a:lvl7pPr>
            <a:lvl8pPr marL="5689351" indent="0">
              <a:buNone/>
              <a:defRPr sz="1778"/>
            </a:lvl8pPr>
            <a:lvl9pPr marL="6502116" indent="0">
              <a:buNone/>
              <a:defRPr sz="1778"/>
            </a:lvl9pPr>
          </a:lstStyle>
          <a:p>
            <a:pPr lvl="0"/>
            <a:r>
              <a:rPr lang="de-DE"/>
              <a:t>Mastertextformat bearbeiten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A5A4032-9446-4DAD-B6D9-02424B13CBAF}" type="datetimeFigureOut">
              <a:rPr lang="en-GB" smtClean="0"/>
              <a:t>23/12/2019</a:t>
            </a:fld>
            <a:endParaRPr lang="en-GB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25D65BA-83D8-4FAA-940A-87F8C8CAABAF}" type="slidenum">
              <a:rPr lang="en-GB" smtClean="0"/>
              <a:t>‹Nr.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714943313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1490097" y="649112"/>
            <a:ext cx="18693944" cy="2356556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de-DE"/>
              <a:t>Mastertitelformat bearbeiten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1490097" y="3245556"/>
            <a:ext cx="18693944" cy="7735712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de-DE"/>
              <a:t>Mastertextformat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1490097" y="11300179"/>
            <a:ext cx="4876681" cy="649111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2133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1A5A4032-9446-4DAD-B6D9-02424B13CBAF}" type="datetimeFigureOut">
              <a:rPr lang="en-GB" smtClean="0"/>
              <a:t>23/12/2019</a:t>
            </a:fld>
            <a:endParaRPr lang="en-GB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7179558" y="11300179"/>
            <a:ext cx="7315022" cy="649111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2133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GB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15307360" y="11300179"/>
            <a:ext cx="4876681" cy="649111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2133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325D65BA-83D8-4FAA-940A-87F8C8CAABAF}" type="slidenum">
              <a:rPr lang="en-GB" smtClean="0"/>
              <a:t>‹Nr.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423365952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73" r:id="rId1"/>
    <p:sldLayoutId id="2147483674" r:id="rId2"/>
    <p:sldLayoutId id="2147483675" r:id="rId3"/>
    <p:sldLayoutId id="2147483676" r:id="rId4"/>
    <p:sldLayoutId id="2147483677" r:id="rId5"/>
    <p:sldLayoutId id="2147483678" r:id="rId6"/>
    <p:sldLayoutId id="2147483679" r:id="rId7"/>
    <p:sldLayoutId id="2147483680" r:id="rId8"/>
    <p:sldLayoutId id="2147483681" r:id="rId9"/>
    <p:sldLayoutId id="2147483682" r:id="rId10"/>
    <p:sldLayoutId id="2147483683" r:id="rId11"/>
  </p:sldLayoutIdLst>
  <p:txStyles>
    <p:titleStyle>
      <a:lvl1pPr algn="l" defTabSz="1625529" rtl="0" eaLnBrk="1" latinLnBrk="0" hangingPunct="1">
        <a:lnSpc>
          <a:spcPct val="90000"/>
        </a:lnSpc>
        <a:spcBef>
          <a:spcPct val="0"/>
        </a:spcBef>
        <a:buNone/>
        <a:defRPr sz="7822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406382" indent="-406382" algn="l" defTabSz="1625529" rtl="0" eaLnBrk="1" latinLnBrk="0" hangingPunct="1">
        <a:lnSpc>
          <a:spcPct val="90000"/>
        </a:lnSpc>
        <a:spcBef>
          <a:spcPts val="1778"/>
        </a:spcBef>
        <a:buFont typeface="Arial" panose="020B0604020202020204" pitchFamily="34" charset="0"/>
        <a:buChar char="•"/>
        <a:defRPr sz="4978" kern="1200">
          <a:solidFill>
            <a:schemeClr val="tx1"/>
          </a:solidFill>
          <a:latin typeface="+mn-lt"/>
          <a:ea typeface="+mn-ea"/>
          <a:cs typeface="+mn-cs"/>
        </a:defRPr>
      </a:lvl1pPr>
      <a:lvl2pPr marL="1219147" indent="-406382" algn="l" defTabSz="1625529" rtl="0" eaLnBrk="1" latinLnBrk="0" hangingPunct="1">
        <a:lnSpc>
          <a:spcPct val="90000"/>
        </a:lnSpc>
        <a:spcBef>
          <a:spcPts val="889"/>
        </a:spcBef>
        <a:buFont typeface="Arial" panose="020B0604020202020204" pitchFamily="34" charset="0"/>
        <a:buChar char="•"/>
        <a:defRPr sz="4266" kern="1200">
          <a:solidFill>
            <a:schemeClr val="tx1"/>
          </a:solidFill>
          <a:latin typeface="+mn-lt"/>
          <a:ea typeface="+mn-ea"/>
          <a:cs typeface="+mn-cs"/>
        </a:defRPr>
      </a:lvl2pPr>
      <a:lvl3pPr marL="2031911" indent="-406382" algn="l" defTabSz="1625529" rtl="0" eaLnBrk="1" latinLnBrk="0" hangingPunct="1">
        <a:lnSpc>
          <a:spcPct val="90000"/>
        </a:lnSpc>
        <a:spcBef>
          <a:spcPts val="889"/>
        </a:spcBef>
        <a:buFont typeface="Arial" panose="020B0604020202020204" pitchFamily="34" charset="0"/>
        <a:buChar char="•"/>
        <a:defRPr sz="3555" kern="1200">
          <a:solidFill>
            <a:schemeClr val="tx1"/>
          </a:solidFill>
          <a:latin typeface="+mn-lt"/>
          <a:ea typeface="+mn-ea"/>
          <a:cs typeface="+mn-cs"/>
        </a:defRPr>
      </a:lvl3pPr>
      <a:lvl4pPr marL="2844676" indent="-406382" algn="l" defTabSz="1625529" rtl="0" eaLnBrk="1" latinLnBrk="0" hangingPunct="1">
        <a:lnSpc>
          <a:spcPct val="90000"/>
        </a:lnSpc>
        <a:spcBef>
          <a:spcPts val="889"/>
        </a:spcBef>
        <a:buFont typeface="Arial" panose="020B0604020202020204" pitchFamily="34" charset="0"/>
        <a:buChar char="•"/>
        <a:defRPr sz="3200" kern="1200">
          <a:solidFill>
            <a:schemeClr val="tx1"/>
          </a:solidFill>
          <a:latin typeface="+mn-lt"/>
          <a:ea typeface="+mn-ea"/>
          <a:cs typeface="+mn-cs"/>
        </a:defRPr>
      </a:lvl4pPr>
      <a:lvl5pPr marL="3657440" indent="-406382" algn="l" defTabSz="1625529" rtl="0" eaLnBrk="1" latinLnBrk="0" hangingPunct="1">
        <a:lnSpc>
          <a:spcPct val="90000"/>
        </a:lnSpc>
        <a:spcBef>
          <a:spcPts val="889"/>
        </a:spcBef>
        <a:buFont typeface="Arial" panose="020B0604020202020204" pitchFamily="34" charset="0"/>
        <a:buChar char="•"/>
        <a:defRPr sz="3200" kern="1200">
          <a:solidFill>
            <a:schemeClr val="tx1"/>
          </a:solidFill>
          <a:latin typeface="+mn-lt"/>
          <a:ea typeface="+mn-ea"/>
          <a:cs typeface="+mn-cs"/>
        </a:defRPr>
      </a:lvl5pPr>
      <a:lvl6pPr marL="4470204" indent="-406382" algn="l" defTabSz="1625529" rtl="0" eaLnBrk="1" latinLnBrk="0" hangingPunct="1">
        <a:lnSpc>
          <a:spcPct val="90000"/>
        </a:lnSpc>
        <a:spcBef>
          <a:spcPts val="889"/>
        </a:spcBef>
        <a:buFont typeface="Arial" panose="020B0604020202020204" pitchFamily="34" charset="0"/>
        <a:buChar char="•"/>
        <a:defRPr sz="3200" kern="1200">
          <a:solidFill>
            <a:schemeClr val="tx1"/>
          </a:solidFill>
          <a:latin typeface="+mn-lt"/>
          <a:ea typeface="+mn-ea"/>
          <a:cs typeface="+mn-cs"/>
        </a:defRPr>
      </a:lvl6pPr>
      <a:lvl7pPr marL="5282969" indent="-406382" algn="l" defTabSz="1625529" rtl="0" eaLnBrk="1" latinLnBrk="0" hangingPunct="1">
        <a:lnSpc>
          <a:spcPct val="90000"/>
        </a:lnSpc>
        <a:spcBef>
          <a:spcPts val="889"/>
        </a:spcBef>
        <a:buFont typeface="Arial" panose="020B0604020202020204" pitchFamily="34" charset="0"/>
        <a:buChar char="•"/>
        <a:defRPr sz="3200" kern="1200">
          <a:solidFill>
            <a:schemeClr val="tx1"/>
          </a:solidFill>
          <a:latin typeface="+mn-lt"/>
          <a:ea typeface="+mn-ea"/>
          <a:cs typeface="+mn-cs"/>
        </a:defRPr>
      </a:lvl7pPr>
      <a:lvl8pPr marL="6095733" indent="-406382" algn="l" defTabSz="1625529" rtl="0" eaLnBrk="1" latinLnBrk="0" hangingPunct="1">
        <a:lnSpc>
          <a:spcPct val="90000"/>
        </a:lnSpc>
        <a:spcBef>
          <a:spcPts val="889"/>
        </a:spcBef>
        <a:buFont typeface="Arial" panose="020B0604020202020204" pitchFamily="34" charset="0"/>
        <a:buChar char="•"/>
        <a:defRPr sz="3200" kern="1200">
          <a:solidFill>
            <a:schemeClr val="tx1"/>
          </a:solidFill>
          <a:latin typeface="+mn-lt"/>
          <a:ea typeface="+mn-ea"/>
          <a:cs typeface="+mn-cs"/>
        </a:defRPr>
      </a:lvl8pPr>
      <a:lvl9pPr marL="6908498" indent="-406382" algn="l" defTabSz="1625529" rtl="0" eaLnBrk="1" latinLnBrk="0" hangingPunct="1">
        <a:lnSpc>
          <a:spcPct val="90000"/>
        </a:lnSpc>
        <a:spcBef>
          <a:spcPts val="889"/>
        </a:spcBef>
        <a:buFont typeface="Arial" panose="020B0604020202020204" pitchFamily="34" charset="0"/>
        <a:buChar char="•"/>
        <a:defRPr sz="32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1625529" rtl="0" eaLnBrk="1" latinLnBrk="0" hangingPunct="1">
        <a:defRPr sz="3200" kern="1200">
          <a:solidFill>
            <a:schemeClr val="tx1"/>
          </a:solidFill>
          <a:latin typeface="+mn-lt"/>
          <a:ea typeface="+mn-ea"/>
          <a:cs typeface="+mn-cs"/>
        </a:defRPr>
      </a:lvl1pPr>
      <a:lvl2pPr marL="812764" algn="l" defTabSz="1625529" rtl="0" eaLnBrk="1" latinLnBrk="0" hangingPunct="1">
        <a:defRPr sz="3200" kern="1200">
          <a:solidFill>
            <a:schemeClr val="tx1"/>
          </a:solidFill>
          <a:latin typeface="+mn-lt"/>
          <a:ea typeface="+mn-ea"/>
          <a:cs typeface="+mn-cs"/>
        </a:defRPr>
      </a:lvl2pPr>
      <a:lvl3pPr marL="1625529" algn="l" defTabSz="1625529" rtl="0" eaLnBrk="1" latinLnBrk="0" hangingPunct="1">
        <a:defRPr sz="3200" kern="1200">
          <a:solidFill>
            <a:schemeClr val="tx1"/>
          </a:solidFill>
          <a:latin typeface="+mn-lt"/>
          <a:ea typeface="+mn-ea"/>
          <a:cs typeface="+mn-cs"/>
        </a:defRPr>
      </a:lvl3pPr>
      <a:lvl4pPr marL="2438293" algn="l" defTabSz="1625529" rtl="0" eaLnBrk="1" latinLnBrk="0" hangingPunct="1">
        <a:defRPr sz="3200" kern="1200">
          <a:solidFill>
            <a:schemeClr val="tx1"/>
          </a:solidFill>
          <a:latin typeface="+mn-lt"/>
          <a:ea typeface="+mn-ea"/>
          <a:cs typeface="+mn-cs"/>
        </a:defRPr>
      </a:lvl4pPr>
      <a:lvl5pPr marL="3251058" algn="l" defTabSz="1625529" rtl="0" eaLnBrk="1" latinLnBrk="0" hangingPunct="1">
        <a:defRPr sz="3200" kern="1200">
          <a:solidFill>
            <a:schemeClr val="tx1"/>
          </a:solidFill>
          <a:latin typeface="+mn-lt"/>
          <a:ea typeface="+mn-ea"/>
          <a:cs typeface="+mn-cs"/>
        </a:defRPr>
      </a:lvl5pPr>
      <a:lvl6pPr marL="4063822" algn="l" defTabSz="1625529" rtl="0" eaLnBrk="1" latinLnBrk="0" hangingPunct="1">
        <a:defRPr sz="3200" kern="1200">
          <a:solidFill>
            <a:schemeClr val="tx1"/>
          </a:solidFill>
          <a:latin typeface="+mn-lt"/>
          <a:ea typeface="+mn-ea"/>
          <a:cs typeface="+mn-cs"/>
        </a:defRPr>
      </a:lvl6pPr>
      <a:lvl7pPr marL="4876587" algn="l" defTabSz="1625529" rtl="0" eaLnBrk="1" latinLnBrk="0" hangingPunct="1">
        <a:defRPr sz="3200" kern="1200">
          <a:solidFill>
            <a:schemeClr val="tx1"/>
          </a:solidFill>
          <a:latin typeface="+mn-lt"/>
          <a:ea typeface="+mn-ea"/>
          <a:cs typeface="+mn-cs"/>
        </a:defRPr>
      </a:lvl7pPr>
      <a:lvl8pPr marL="5689351" algn="l" defTabSz="1625529" rtl="0" eaLnBrk="1" latinLnBrk="0" hangingPunct="1">
        <a:defRPr sz="3200" kern="1200">
          <a:solidFill>
            <a:schemeClr val="tx1"/>
          </a:solidFill>
          <a:latin typeface="+mn-lt"/>
          <a:ea typeface="+mn-ea"/>
          <a:cs typeface="+mn-cs"/>
        </a:defRPr>
      </a:lvl8pPr>
      <a:lvl9pPr marL="6502116" algn="l" defTabSz="1625529" rtl="0" eaLnBrk="1" latinLnBrk="0" hangingPunct="1">
        <a:defRPr sz="32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117" Type="http://schemas.openxmlformats.org/officeDocument/2006/relationships/tags" Target="../tags/tag117.xml"/><Relationship Id="rId299" Type="http://schemas.openxmlformats.org/officeDocument/2006/relationships/tags" Target="../tags/tag299.xml"/><Relationship Id="rId21" Type="http://schemas.openxmlformats.org/officeDocument/2006/relationships/tags" Target="../tags/tag21.xml"/><Relationship Id="rId63" Type="http://schemas.openxmlformats.org/officeDocument/2006/relationships/tags" Target="../tags/tag63.xml"/><Relationship Id="rId159" Type="http://schemas.openxmlformats.org/officeDocument/2006/relationships/tags" Target="../tags/tag159.xml"/><Relationship Id="rId324" Type="http://schemas.openxmlformats.org/officeDocument/2006/relationships/tags" Target="../tags/tag324.xml"/><Relationship Id="rId366" Type="http://schemas.openxmlformats.org/officeDocument/2006/relationships/tags" Target="../tags/tag366.xml"/><Relationship Id="rId170" Type="http://schemas.openxmlformats.org/officeDocument/2006/relationships/tags" Target="../tags/tag170.xml"/><Relationship Id="rId226" Type="http://schemas.openxmlformats.org/officeDocument/2006/relationships/tags" Target="../tags/tag226.xml"/><Relationship Id="rId268" Type="http://schemas.openxmlformats.org/officeDocument/2006/relationships/tags" Target="../tags/tag268.xml"/><Relationship Id="rId32" Type="http://schemas.openxmlformats.org/officeDocument/2006/relationships/tags" Target="../tags/tag32.xml"/><Relationship Id="rId74" Type="http://schemas.openxmlformats.org/officeDocument/2006/relationships/tags" Target="../tags/tag74.xml"/><Relationship Id="rId128" Type="http://schemas.openxmlformats.org/officeDocument/2006/relationships/tags" Target="../tags/tag128.xml"/><Relationship Id="rId335" Type="http://schemas.openxmlformats.org/officeDocument/2006/relationships/tags" Target="../tags/tag335.xml"/><Relationship Id="rId377" Type="http://schemas.openxmlformats.org/officeDocument/2006/relationships/tags" Target="../tags/tag377.xml"/><Relationship Id="rId5" Type="http://schemas.openxmlformats.org/officeDocument/2006/relationships/tags" Target="../tags/tag5.xml"/><Relationship Id="rId181" Type="http://schemas.openxmlformats.org/officeDocument/2006/relationships/tags" Target="../tags/tag181.xml"/><Relationship Id="rId237" Type="http://schemas.openxmlformats.org/officeDocument/2006/relationships/tags" Target="../tags/tag237.xml"/><Relationship Id="rId402" Type="http://schemas.openxmlformats.org/officeDocument/2006/relationships/tags" Target="../tags/tag402.xml"/><Relationship Id="rId258" Type="http://schemas.openxmlformats.org/officeDocument/2006/relationships/tags" Target="../tags/tag258.xml"/><Relationship Id="rId279" Type="http://schemas.openxmlformats.org/officeDocument/2006/relationships/tags" Target="../tags/tag279.xml"/><Relationship Id="rId22" Type="http://schemas.openxmlformats.org/officeDocument/2006/relationships/tags" Target="../tags/tag22.xml"/><Relationship Id="rId43" Type="http://schemas.openxmlformats.org/officeDocument/2006/relationships/tags" Target="../tags/tag43.xml"/><Relationship Id="rId64" Type="http://schemas.openxmlformats.org/officeDocument/2006/relationships/tags" Target="../tags/tag64.xml"/><Relationship Id="rId118" Type="http://schemas.openxmlformats.org/officeDocument/2006/relationships/tags" Target="../tags/tag118.xml"/><Relationship Id="rId139" Type="http://schemas.openxmlformats.org/officeDocument/2006/relationships/tags" Target="../tags/tag139.xml"/><Relationship Id="rId290" Type="http://schemas.openxmlformats.org/officeDocument/2006/relationships/tags" Target="../tags/tag290.xml"/><Relationship Id="rId304" Type="http://schemas.openxmlformats.org/officeDocument/2006/relationships/tags" Target="../tags/tag304.xml"/><Relationship Id="rId325" Type="http://schemas.openxmlformats.org/officeDocument/2006/relationships/tags" Target="../tags/tag325.xml"/><Relationship Id="rId346" Type="http://schemas.openxmlformats.org/officeDocument/2006/relationships/tags" Target="../tags/tag346.xml"/><Relationship Id="rId367" Type="http://schemas.openxmlformats.org/officeDocument/2006/relationships/tags" Target="../tags/tag367.xml"/><Relationship Id="rId388" Type="http://schemas.openxmlformats.org/officeDocument/2006/relationships/tags" Target="../tags/tag388.xml"/><Relationship Id="rId85" Type="http://schemas.openxmlformats.org/officeDocument/2006/relationships/tags" Target="../tags/tag85.xml"/><Relationship Id="rId150" Type="http://schemas.openxmlformats.org/officeDocument/2006/relationships/tags" Target="../tags/tag150.xml"/><Relationship Id="rId171" Type="http://schemas.openxmlformats.org/officeDocument/2006/relationships/tags" Target="../tags/tag171.xml"/><Relationship Id="rId192" Type="http://schemas.openxmlformats.org/officeDocument/2006/relationships/tags" Target="../tags/tag192.xml"/><Relationship Id="rId206" Type="http://schemas.openxmlformats.org/officeDocument/2006/relationships/tags" Target="../tags/tag206.xml"/><Relationship Id="rId227" Type="http://schemas.openxmlformats.org/officeDocument/2006/relationships/tags" Target="../tags/tag227.xml"/><Relationship Id="rId413" Type="http://schemas.openxmlformats.org/officeDocument/2006/relationships/tags" Target="../tags/tag413.xml"/><Relationship Id="rId248" Type="http://schemas.openxmlformats.org/officeDocument/2006/relationships/tags" Target="../tags/tag248.xml"/><Relationship Id="rId269" Type="http://schemas.openxmlformats.org/officeDocument/2006/relationships/tags" Target="../tags/tag269.xml"/><Relationship Id="rId12" Type="http://schemas.openxmlformats.org/officeDocument/2006/relationships/tags" Target="../tags/tag12.xml"/><Relationship Id="rId33" Type="http://schemas.openxmlformats.org/officeDocument/2006/relationships/tags" Target="../tags/tag33.xml"/><Relationship Id="rId108" Type="http://schemas.openxmlformats.org/officeDocument/2006/relationships/tags" Target="../tags/tag108.xml"/><Relationship Id="rId129" Type="http://schemas.openxmlformats.org/officeDocument/2006/relationships/tags" Target="../tags/tag129.xml"/><Relationship Id="rId280" Type="http://schemas.openxmlformats.org/officeDocument/2006/relationships/tags" Target="../tags/tag280.xml"/><Relationship Id="rId315" Type="http://schemas.openxmlformats.org/officeDocument/2006/relationships/tags" Target="../tags/tag315.xml"/><Relationship Id="rId336" Type="http://schemas.openxmlformats.org/officeDocument/2006/relationships/tags" Target="../tags/tag336.xml"/><Relationship Id="rId357" Type="http://schemas.openxmlformats.org/officeDocument/2006/relationships/tags" Target="../tags/tag357.xml"/><Relationship Id="rId54" Type="http://schemas.openxmlformats.org/officeDocument/2006/relationships/tags" Target="../tags/tag54.xml"/><Relationship Id="rId75" Type="http://schemas.openxmlformats.org/officeDocument/2006/relationships/tags" Target="../tags/tag75.xml"/><Relationship Id="rId96" Type="http://schemas.openxmlformats.org/officeDocument/2006/relationships/tags" Target="../tags/tag96.xml"/><Relationship Id="rId140" Type="http://schemas.openxmlformats.org/officeDocument/2006/relationships/tags" Target="../tags/tag140.xml"/><Relationship Id="rId161" Type="http://schemas.openxmlformats.org/officeDocument/2006/relationships/tags" Target="../tags/tag161.xml"/><Relationship Id="rId182" Type="http://schemas.openxmlformats.org/officeDocument/2006/relationships/tags" Target="../tags/tag182.xml"/><Relationship Id="rId217" Type="http://schemas.openxmlformats.org/officeDocument/2006/relationships/tags" Target="../tags/tag217.xml"/><Relationship Id="rId378" Type="http://schemas.openxmlformats.org/officeDocument/2006/relationships/tags" Target="../tags/tag378.xml"/><Relationship Id="rId399" Type="http://schemas.openxmlformats.org/officeDocument/2006/relationships/tags" Target="../tags/tag399.xml"/><Relationship Id="rId403" Type="http://schemas.openxmlformats.org/officeDocument/2006/relationships/tags" Target="../tags/tag403.xml"/><Relationship Id="rId6" Type="http://schemas.openxmlformats.org/officeDocument/2006/relationships/tags" Target="../tags/tag6.xml"/><Relationship Id="rId238" Type="http://schemas.openxmlformats.org/officeDocument/2006/relationships/tags" Target="../tags/tag238.xml"/><Relationship Id="rId259" Type="http://schemas.openxmlformats.org/officeDocument/2006/relationships/tags" Target="../tags/tag259.xml"/><Relationship Id="rId23" Type="http://schemas.openxmlformats.org/officeDocument/2006/relationships/tags" Target="../tags/tag23.xml"/><Relationship Id="rId119" Type="http://schemas.openxmlformats.org/officeDocument/2006/relationships/tags" Target="../tags/tag119.xml"/><Relationship Id="rId270" Type="http://schemas.openxmlformats.org/officeDocument/2006/relationships/tags" Target="../tags/tag270.xml"/><Relationship Id="rId291" Type="http://schemas.openxmlformats.org/officeDocument/2006/relationships/tags" Target="../tags/tag291.xml"/><Relationship Id="rId305" Type="http://schemas.openxmlformats.org/officeDocument/2006/relationships/tags" Target="../tags/tag305.xml"/><Relationship Id="rId326" Type="http://schemas.openxmlformats.org/officeDocument/2006/relationships/tags" Target="../tags/tag326.xml"/><Relationship Id="rId347" Type="http://schemas.openxmlformats.org/officeDocument/2006/relationships/tags" Target="../tags/tag347.xml"/><Relationship Id="rId44" Type="http://schemas.openxmlformats.org/officeDocument/2006/relationships/tags" Target="../tags/tag44.xml"/><Relationship Id="rId65" Type="http://schemas.openxmlformats.org/officeDocument/2006/relationships/tags" Target="../tags/tag65.xml"/><Relationship Id="rId86" Type="http://schemas.openxmlformats.org/officeDocument/2006/relationships/tags" Target="../tags/tag86.xml"/><Relationship Id="rId130" Type="http://schemas.openxmlformats.org/officeDocument/2006/relationships/tags" Target="../tags/tag130.xml"/><Relationship Id="rId151" Type="http://schemas.openxmlformats.org/officeDocument/2006/relationships/tags" Target="../tags/tag151.xml"/><Relationship Id="rId368" Type="http://schemas.openxmlformats.org/officeDocument/2006/relationships/tags" Target="../tags/tag368.xml"/><Relationship Id="rId389" Type="http://schemas.openxmlformats.org/officeDocument/2006/relationships/tags" Target="../tags/tag389.xml"/><Relationship Id="rId172" Type="http://schemas.openxmlformats.org/officeDocument/2006/relationships/tags" Target="../tags/tag172.xml"/><Relationship Id="rId193" Type="http://schemas.openxmlformats.org/officeDocument/2006/relationships/tags" Target="../tags/tag193.xml"/><Relationship Id="rId207" Type="http://schemas.openxmlformats.org/officeDocument/2006/relationships/tags" Target="../tags/tag207.xml"/><Relationship Id="rId228" Type="http://schemas.openxmlformats.org/officeDocument/2006/relationships/tags" Target="../tags/tag228.xml"/><Relationship Id="rId249" Type="http://schemas.openxmlformats.org/officeDocument/2006/relationships/tags" Target="../tags/tag249.xml"/><Relationship Id="rId414" Type="http://schemas.openxmlformats.org/officeDocument/2006/relationships/tags" Target="../tags/tag414.xml"/><Relationship Id="rId13" Type="http://schemas.openxmlformats.org/officeDocument/2006/relationships/tags" Target="../tags/tag13.xml"/><Relationship Id="rId109" Type="http://schemas.openxmlformats.org/officeDocument/2006/relationships/tags" Target="../tags/tag109.xml"/><Relationship Id="rId260" Type="http://schemas.openxmlformats.org/officeDocument/2006/relationships/tags" Target="../tags/tag260.xml"/><Relationship Id="rId281" Type="http://schemas.openxmlformats.org/officeDocument/2006/relationships/tags" Target="../tags/tag281.xml"/><Relationship Id="rId316" Type="http://schemas.openxmlformats.org/officeDocument/2006/relationships/tags" Target="../tags/tag316.xml"/><Relationship Id="rId337" Type="http://schemas.openxmlformats.org/officeDocument/2006/relationships/tags" Target="../tags/tag337.xml"/><Relationship Id="rId34" Type="http://schemas.openxmlformats.org/officeDocument/2006/relationships/tags" Target="../tags/tag34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120" Type="http://schemas.openxmlformats.org/officeDocument/2006/relationships/tags" Target="../tags/tag120.xml"/><Relationship Id="rId141" Type="http://schemas.openxmlformats.org/officeDocument/2006/relationships/tags" Target="../tags/tag141.xml"/><Relationship Id="rId358" Type="http://schemas.openxmlformats.org/officeDocument/2006/relationships/tags" Target="../tags/tag358.xml"/><Relationship Id="rId379" Type="http://schemas.openxmlformats.org/officeDocument/2006/relationships/tags" Target="../tags/tag379.xml"/><Relationship Id="rId7" Type="http://schemas.openxmlformats.org/officeDocument/2006/relationships/tags" Target="../tags/tag7.xml"/><Relationship Id="rId162" Type="http://schemas.openxmlformats.org/officeDocument/2006/relationships/tags" Target="../tags/tag162.xml"/><Relationship Id="rId183" Type="http://schemas.openxmlformats.org/officeDocument/2006/relationships/tags" Target="../tags/tag183.xml"/><Relationship Id="rId218" Type="http://schemas.openxmlformats.org/officeDocument/2006/relationships/tags" Target="../tags/tag218.xml"/><Relationship Id="rId239" Type="http://schemas.openxmlformats.org/officeDocument/2006/relationships/tags" Target="../tags/tag239.xml"/><Relationship Id="rId390" Type="http://schemas.openxmlformats.org/officeDocument/2006/relationships/tags" Target="../tags/tag390.xml"/><Relationship Id="rId404" Type="http://schemas.openxmlformats.org/officeDocument/2006/relationships/tags" Target="../tags/tag404.xml"/><Relationship Id="rId250" Type="http://schemas.openxmlformats.org/officeDocument/2006/relationships/tags" Target="../tags/tag250.xml"/><Relationship Id="rId271" Type="http://schemas.openxmlformats.org/officeDocument/2006/relationships/tags" Target="../tags/tag271.xml"/><Relationship Id="rId292" Type="http://schemas.openxmlformats.org/officeDocument/2006/relationships/tags" Target="../tags/tag292.xml"/><Relationship Id="rId306" Type="http://schemas.openxmlformats.org/officeDocument/2006/relationships/tags" Target="../tags/tag306.xml"/><Relationship Id="rId24" Type="http://schemas.openxmlformats.org/officeDocument/2006/relationships/tags" Target="../tags/tag24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tags" Target="../tags/tag87.xml"/><Relationship Id="rId110" Type="http://schemas.openxmlformats.org/officeDocument/2006/relationships/tags" Target="../tags/tag110.xml"/><Relationship Id="rId131" Type="http://schemas.openxmlformats.org/officeDocument/2006/relationships/tags" Target="../tags/tag131.xml"/><Relationship Id="rId327" Type="http://schemas.openxmlformats.org/officeDocument/2006/relationships/tags" Target="../tags/tag327.xml"/><Relationship Id="rId348" Type="http://schemas.openxmlformats.org/officeDocument/2006/relationships/tags" Target="../tags/tag348.xml"/><Relationship Id="rId369" Type="http://schemas.openxmlformats.org/officeDocument/2006/relationships/tags" Target="../tags/tag369.xml"/><Relationship Id="rId152" Type="http://schemas.openxmlformats.org/officeDocument/2006/relationships/tags" Target="../tags/tag152.xml"/><Relationship Id="rId173" Type="http://schemas.openxmlformats.org/officeDocument/2006/relationships/tags" Target="../tags/tag173.xml"/><Relationship Id="rId194" Type="http://schemas.openxmlformats.org/officeDocument/2006/relationships/tags" Target="../tags/tag194.xml"/><Relationship Id="rId208" Type="http://schemas.openxmlformats.org/officeDocument/2006/relationships/tags" Target="../tags/tag208.xml"/><Relationship Id="rId229" Type="http://schemas.openxmlformats.org/officeDocument/2006/relationships/tags" Target="../tags/tag229.xml"/><Relationship Id="rId380" Type="http://schemas.openxmlformats.org/officeDocument/2006/relationships/tags" Target="../tags/tag380.xml"/><Relationship Id="rId415" Type="http://schemas.openxmlformats.org/officeDocument/2006/relationships/tags" Target="../tags/tag415.xml"/><Relationship Id="rId240" Type="http://schemas.openxmlformats.org/officeDocument/2006/relationships/tags" Target="../tags/tag240.xml"/><Relationship Id="rId261" Type="http://schemas.openxmlformats.org/officeDocument/2006/relationships/tags" Target="../tags/tag261.xml"/><Relationship Id="rId14" Type="http://schemas.openxmlformats.org/officeDocument/2006/relationships/tags" Target="../tags/tag14.xml"/><Relationship Id="rId35" Type="http://schemas.openxmlformats.org/officeDocument/2006/relationships/tags" Target="../tags/tag35.xml"/><Relationship Id="rId56" Type="http://schemas.openxmlformats.org/officeDocument/2006/relationships/tags" Target="../tags/tag56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282" Type="http://schemas.openxmlformats.org/officeDocument/2006/relationships/tags" Target="../tags/tag282.xml"/><Relationship Id="rId317" Type="http://schemas.openxmlformats.org/officeDocument/2006/relationships/tags" Target="../tags/tag317.xml"/><Relationship Id="rId338" Type="http://schemas.openxmlformats.org/officeDocument/2006/relationships/tags" Target="../tags/tag338.xml"/><Relationship Id="rId359" Type="http://schemas.openxmlformats.org/officeDocument/2006/relationships/tags" Target="../tags/tag359.xml"/><Relationship Id="rId8" Type="http://schemas.openxmlformats.org/officeDocument/2006/relationships/tags" Target="../tags/tag8.xml"/><Relationship Id="rId98" Type="http://schemas.openxmlformats.org/officeDocument/2006/relationships/tags" Target="../tags/tag98.xml"/><Relationship Id="rId121" Type="http://schemas.openxmlformats.org/officeDocument/2006/relationships/tags" Target="../tags/tag121.xml"/><Relationship Id="rId142" Type="http://schemas.openxmlformats.org/officeDocument/2006/relationships/tags" Target="../tags/tag142.xml"/><Relationship Id="rId163" Type="http://schemas.openxmlformats.org/officeDocument/2006/relationships/tags" Target="../tags/tag163.xml"/><Relationship Id="rId184" Type="http://schemas.openxmlformats.org/officeDocument/2006/relationships/tags" Target="../tags/tag184.xml"/><Relationship Id="rId219" Type="http://schemas.openxmlformats.org/officeDocument/2006/relationships/tags" Target="../tags/tag219.xml"/><Relationship Id="rId370" Type="http://schemas.openxmlformats.org/officeDocument/2006/relationships/tags" Target="../tags/tag370.xml"/><Relationship Id="rId391" Type="http://schemas.openxmlformats.org/officeDocument/2006/relationships/tags" Target="../tags/tag391.xml"/><Relationship Id="rId405" Type="http://schemas.openxmlformats.org/officeDocument/2006/relationships/tags" Target="../tags/tag405.xml"/><Relationship Id="rId230" Type="http://schemas.openxmlformats.org/officeDocument/2006/relationships/tags" Target="../tags/tag230.xml"/><Relationship Id="rId251" Type="http://schemas.openxmlformats.org/officeDocument/2006/relationships/tags" Target="../tags/tag251.xml"/><Relationship Id="rId25" Type="http://schemas.openxmlformats.org/officeDocument/2006/relationships/tags" Target="../tags/tag25.xml"/><Relationship Id="rId46" Type="http://schemas.openxmlformats.org/officeDocument/2006/relationships/tags" Target="../tags/tag46.xml"/><Relationship Id="rId67" Type="http://schemas.openxmlformats.org/officeDocument/2006/relationships/tags" Target="../tags/tag67.xml"/><Relationship Id="rId272" Type="http://schemas.openxmlformats.org/officeDocument/2006/relationships/tags" Target="../tags/tag272.xml"/><Relationship Id="rId293" Type="http://schemas.openxmlformats.org/officeDocument/2006/relationships/tags" Target="../tags/tag293.xml"/><Relationship Id="rId307" Type="http://schemas.openxmlformats.org/officeDocument/2006/relationships/tags" Target="../tags/tag307.xml"/><Relationship Id="rId328" Type="http://schemas.openxmlformats.org/officeDocument/2006/relationships/tags" Target="../tags/tag328.xml"/><Relationship Id="rId349" Type="http://schemas.openxmlformats.org/officeDocument/2006/relationships/tags" Target="../tags/tag349.xml"/><Relationship Id="rId88" Type="http://schemas.openxmlformats.org/officeDocument/2006/relationships/tags" Target="../tags/tag88.xml"/><Relationship Id="rId111" Type="http://schemas.openxmlformats.org/officeDocument/2006/relationships/tags" Target="../tags/tag111.xml"/><Relationship Id="rId132" Type="http://schemas.openxmlformats.org/officeDocument/2006/relationships/tags" Target="../tags/tag132.xml"/><Relationship Id="rId153" Type="http://schemas.openxmlformats.org/officeDocument/2006/relationships/tags" Target="../tags/tag153.xml"/><Relationship Id="rId174" Type="http://schemas.openxmlformats.org/officeDocument/2006/relationships/tags" Target="../tags/tag174.xml"/><Relationship Id="rId195" Type="http://schemas.openxmlformats.org/officeDocument/2006/relationships/tags" Target="../tags/tag195.xml"/><Relationship Id="rId209" Type="http://schemas.openxmlformats.org/officeDocument/2006/relationships/tags" Target="../tags/tag209.xml"/><Relationship Id="rId360" Type="http://schemas.openxmlformats.org/officeDocument/2006/relationships/tags" Target="../tags/tag360.xml"/><Relationship Id="rId381" Type="http://schemas.openxmlformats.org/officeDocument/2006/relationships/tags" Target="../tags/tag381.xml"/><Relationship Id="rId416" Type="http://schemas.openxmlformats.org/officeDocument/2006/relationships/tags" Target="../tags/tag416.xml"/><Relationship Id="rId220" Type="http://schemas.openxmlformats.org/officeDocument/2006/relationships/tags" Target="../tags/tag220.xml"/><Relationship Id="rId241" Type="http://schemas.openxmlformats.org/officeDocument/2006/relationships/tags" Target="../tags/tag241.xml"/><Relationship Id="rId15" Type="http://schemas.openxmlformats.org/officeDocument/2006/relationships/tags" Target="../tags/tag15.xml"/><Relationship Id="rId36" Type="http://schemas.openxmlformats.org/officeDocument/2006/relationships/tags" Target="../tags/tag36.xml"/><Relationship Id="rId57" Type="http://schemas.openxmlformats.org/officeDocument/2006/relationships/tags" Target="../tags/tag57.xml"/><Relationship Id="rId262" Type="http://schemas.openxmlformats.org/officeDocument/2006/relationships/tags" Target="../tags/tag262.xml"/><Relationship Id="rId283" Type="http://schemas.openxmlformats.org/officeDocument/2006/relationships/tags" Target="../tags/tag283.xml"/><Relationship Id="rId318" Type="http://schemas.openxmlformats.org/officeDocument/2006/relationships/tags" Target="../tags/tag318.xml"/><Relationship Id="rId339" Type="http://schemas.openxmlformats.org/officeDocument/2006/relationships/tags" Target="../tags/tag339.xml"/><Relationship Id="rId78" Type="http://schemas.openxmlformats.org/officeDocument/2006/relationships/tags" Target="../tags/tag78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122" Type="http://schemas.openxmlformats.org/officeDocument/2006/relationships/tags" Target="../tags/tag122.xml"/><Relationship Id="rId143" Type="http://schemas.openxmlformats.org/officeDocument/2006/relationships/tags" Target="../tags/tag143.xml"/><Relationship Id="rId164" Type="http://schemas.openxmlformats.org/officeDocument/2006/relationships/tags" Target="../tags/tag164.xml"/><Relationship Id="rId185" Type="http://schemas.openxmlformats.org/officeDocument/2006/relationships/tags" Target="../tags/tag185.xml"/><Relationship Id="rId350" Type="http://schemas.openxmlformats.org/officeDocument/2006/relationships/tags" Target="../tags/tag350.xml"/><Relationship Id="rId371" Type="http://schemas.openxmlformats.org/officeDocument/2006/relationships/tags" Target="../tags/tag371.xml"/><Relationship Id="rId406" Type="http://schemas.openxmlformats.org/officeDocument/2006/relationships/tags" Target="../tags/tag406.xml"/><Relationship Id="rId9" Type="http://schemas.openxmlformats.org/officeDocument/2006/relationships/tags" Target="../tags/tag9.xml"/><Relationship Id="rId210" Type="http://schemas.openxmlformats.org/officeDocument/2006/relationships/tags" Target="../tags/tag210.xml"/><Relationship Id="rId392" Type="http://schemas.openxmlformats.org/officeDocument/2006/relationships/tags" Target="../tags/tag392.xml"/><Relationship Id="rId26" Type="http://schemas.openxmlformats.org/officeDocument/2006/relationships/tags" Target="../tags/tag26.xml"/><Relationship Id="rId231" Type="http://schemas.openxmlformats.org/officeDocument/2006/relationships/tags" Target="../tags/tag231.xml"/><Relationship Id="rId252" Type="http://schemas.openxmlformats.org/officeDocument/2006/relationships/tags" Target="../tags/tag252.xml"/><Relationship Id="rId273" Type="http://schemas.openxmlformats.org/officeDocument/2006/relationships/tags" Target="../tags/tag273.xml"/><Relationship Id="rId294" Type="http://schemas.openxmlformats.org/officeDocument/2006/relationships/tags" Target="../tags/tag294.xml"/><Relationship Id="rId308" Type="http://schemas.openxmlformats.org/officeDocument/2006/relationships/tags" Target="../tags/tag308.xml"/><Relationship Id="rId329" Type="http://schemas.openxmlformats.org/officeDocument/2006/relationships/tags" Target="../tags/tag329.xml"/><Relationship Id="rId47" Type="http://schemas.openxmlformats.org/officeDocument/2006/relationships/tags" Target="../tags/tag47.xml"/><Relationship Id="rId68" Type="http://schemas.openxmlformats.org/officeDocument/2006/relationships/tags" Target="../tags/tag68.xml"/><Relationship Id="rId89" Type="http://schemas.openxmlformats.org/officeDocument/2006/relationships/tags" Target="../tags/tag89.xml"/><Relationship Id="rId112" Type="http://schemas.openxmlformats.org/officeDocument/2006/relationships/tags" Target="../tags/tag112.xml"/><Relationship Id="rId133" Type="http://schemas.openxmlformats.org/officeDocument/2006/relationships/tags" Target="../tags/tag133.xml"/><Relationship Id="rId154" Type="http://schemas.openxmlformats.org/officeDocument/2006/relationships/tags" Target="../tags/tag154.xml"/><Relationship Id="rId175" Type="http://schemas.openxmlformats.org/officeDocument/2006/relationships/tags" Target="../tags/tag175.xml"/><Relationship Id="rId340" Type="http://schemas.openxmlformats.org/officeDocument/2006/relationships/tags" Target="../tags/tag340.xml"/><Relationship Id="rId361" Type="http://schemas.openxmlformats.org/officeDocument/2006/relationships/tags" Target="../tags/tag361.xml"/><Relationship Id="rId196" Type="http://schemas.openxmlformats.org/officeDocument/2006/relationships/tags" Target="../tags/tag196.xml"/><Relationship Id="rId200" Type="http://schemas.openxmlformats.org/officeDocument/2006/relationships/tags" Target="../tags/tag200.xml"/><Relationship Id="rId382" Type="http://schemas.openxmlformats.org/officeDocument/2006/relationships/tags" Target="../tags/tag382.xml"/><Relationship Id="rId417" Type="http://schemas.openxmlformats.org/officeDocument/2006/relationships/tags" Target="../tags/tag417.xml"/><Relationship Id="rId16" Type="http://schemas.openxmlformats.org/officeDocument/2006/relationships/tags" Target="../tags/tag16.xml"/><Relationship Id="rId221" Type="http://schemas.openxmlformats.org/officeDocument/2006/relationships/tags" Target="../tags/tag221.xml"/><Relationship Id="rId242" Type="http://schemas.openxmlformats.org/officeDocument/2006/relationships/tags" Target="../tags/tag242.xml"/><Relationship Id="rId263" Type="http://schemas.openxmlformats.org/officeDocument/2006/relationships/tags" Target="../tags/tag263.xml"/><Relationship Id="rId284" Type="http://schemas.openxmlformats.org/officeDocument/2006/relationships/tags" Target="../tags/tag284.xml"/><Relationship Id="rId319" Type="http://schemas.openxmlformats.org/officeDocument/2006/relationships/tags" Target="../tags/tag319.xml"/><Relationship Id="rId37" Type="http://schemas.openxmlformats.org/officeDocument/2006/relationships/tags" Target="../tags/tag37.xml"/><Relationship Id="rId58" Type="http://schemas.openxmlformats.org/officeDocument/2006/relationships/tags" Target="../tags/tag58.xml"/><Relationship Id="rId79" Type="http://schemas.openxmlformats.org/officeDocument/2006/relationships/tags" Target="../tags/tag79.xml"/><Relationship Id="rId102" Type="http://schemas.openxmlformats.org/officeDocument/2006/relationships/tags" Target="../tags/tag102.xml"/><Relationship Id="rId123" Type="http://schemas.openxmlformats.org/officeDocument/2006/relationships/tags" Target="../tags/tag123.xml"/><Relationship Id="rId144" Type="http://schemas.openxmlformats.org/officeDocument/2006/relationships/tags" Target="../tags/tag144.xml"/><Relationship Id="rId330" Type="http://schemas.openxmlformats.org/officeDocument/2006/relationships/tags" Target="../tags/tag330.xml"/><Relationship Id="rId90" Type="http://schemas.openxmlformats.org/officeDocument/2006/relationships/tags" Target="../tags/tag90.xml"/><Relationship Id="rId165" Type="http://schemas.openxmlformats.org/officeDocument/2006/relationships/tags" Target="../tags/tag165.xml"/><Relationship Id="rId186" Type="http://schemas.openxmlformats.org/officeDocument/2006/relationships/tags" Target="../tags/tag186.xml"/><Relationship Id="rId351" Type="http://schemas.openxmlformats.org/officeDocument/2006/relationships/tags" Target="../tags/tag351.xml"/><Relationship Id="rId372" Type="http://schemas.openxmlformats.org/officeDocument/2006/relationships/tags" Target="../tags/tag372.xml"/><Relationship Id="rId393" Type="http://schemas.openxmlformats.org/officeDocument/2006/relationships/tags" Target="../tags/tag393.xml"/><Relationship Id="rId407" Type="http://schemas.openxmlformats.org/officeDocument/2006/relationships/tags" Target="../tags/tag407.xml"/><Relationship Id="rId211" Type="http://schemas.openxmlformats.org/officeDocument/2006/relationships/tags" Target="../tags/tag211.xml"/><Relationship Id="rId232" Type="http://schemas.openxmlformats.org/officeDocument/2006/relationships/tags" Target="../tags/tag232.xml"/><Relationship Id="rId253" Type="http://schemas.openxmlformats.org/officeDocument/2006/relationships/tags" Target="../tags/tag253.xml"/><Relationship Id="rId274" Type="http://schemas.openxmlformats.org/officeDocument/2006/relationships/tags" Target="../tags/tag274.xml"/><Relationship Id="rId295" Type="http://schemas.openxmlformats.org/officeDocument/2006/relationships/tags" Target="../tags/tag295.xml"/><Relationship Id="rId309" Type="http://schemas.openxmlformats.org/officeDocument/2006/relationships/tags" Target="../tags/tag309.xml"/><Relationship Id="rId27" Type="http://schemas.openxmlformats.org/officeDocument/2006/relationships/tags" Target="../tags/tag27.xml"/><Relationship Id="rId48" Type="http://schemas.openxmlformats.org/officeDocument/2006/relationships/tags" Target="../tags/tag48.xml"/><Relationship Id="rId69" Type="http://schemas.openxmlformats.org/officeDocument/2006/relationships/tags" Target="../tags/tag69.xml"/><Relationship Id="rId113" Type="http://schemas.openxmlformats.org/officeDocument/2006/relationships/tags" Target="../tags/tag113.xml"/><Relationship Id="rId134" Type="http://schemas.openxmlformats.org/officeDocument/2006/relationships/tags" Target="../tags/tag134.xml"/><Relationship Id="rId320" Type="http://schemas.openxmlformats.org/officeDocument/2006/relationships/tags" Target="../tags/tag320.xml"/><Relationship Id="rId80" Type="http://schemas.openxmlformats.org/officeDocument/2006/relationships/tags" Target="../tags/tag80.xml"/><Relationship Id="rId155" Type="http://schemas.openxmlformats.org/officeDocument/2006/relationships/tags" Target="../tags/tag155.xml"/><Relationship Id="rId176" Type="http://schemas.openxmlformats.org/officeDocument/2006/relationships/tags" Target="../tags/tag176.xml"/><Relationship Id="rId197" Type="http://schemas.openxmlformats.org/officeDocument/2006/relationships/tags" Target="../tags/tag197.xml"/><Relationship Id="rId341" Type="http://schemas.openxmlformats.org/officeDocument/2006/relationships/tags" Target="../tags/tag341.xml"/><Relationship Id="rId362" Type="http://schemas.openxmlformats.org/officeDocument/2006/relationships/tags" Target="../tags/tag362.xml"/><Relationship Id="rId383" Type="http://schemas.openxmlformats.org/officeDocument/2006/relationships/tags" Target="../tags/tag383.xml"/><Relationship Id="rId418" Type="http://schemas.openxmlformats.org/officeDocument/2006/relationships/slideLayout" Target="../slideLayouts/slideLayout7.xml"/><Relationship Id="rId201" Type="http://schemas.openxmlformats.org/officeDocument/2006/relationships/tags" Target="../tags/tag201.xml"/><Relationship Id="rId222" Type="http://schemas.openxmlformats.org/officeDocument/2006/relationships/tags" Target="../tags/tag222.xml"/><Relationship Id="rId243" Type="http://schemas.openxmlformats.org/officeDocument/2006/relationships/tags" Target="../tags/tag243.xml"/><Relationship Id="rId264" Type="http://schemas.openxmlformats.org/officeDocument/2006/relationships/tags" Target="../tags/tag264.xml"/><Relationship Id="rId285" Type="http://schemas.openxmlformats.org/officeDocument/2006/relationships/tags" Target="../tags/tag285.xml"/><Relationship Id="rId17" Type="http://schemas.openxmlformats.org/officeDocument/2006/relationships/tags" Target="../tags/tag17.xml"/><Relationship Id="rId38" Type="http://schemas.openxmlformats.org/officeDocument/2006/relationships/tags" Target="../tags/tag38.xml"/><Relationship Id="rId59" Type="http://schemas.openxmlformats.org/officeDocument/2006/relationships/tags" Target="../tags/tag59.xml"/><Relationship Id="rId103" Type="http://schemas.openxmlformats.org/officeDocument/2006/relationships/tags" Target="../tags/tag103.xml"/><Relationship Id="rId124" Type="http://schemas.openxmlformats.org/officeDocument/2006/relationships/tags" Target="../tags/tag124.xml"/><Relationship Id="rId310" Type="http://schemas.openxmlformats.org/officeDocument/2006/relationships/tags" Target="../tags/tag310.xml"/><Relationship Id="rId70" Type="http://schemas.openxmlformats.org/officeDocument/2006/relationships/tags" Target="../tags/tag70.xml"/><Relationship Id="rId91" Type="http://schemas.openxmlformats.org/officeDocument/2006/relationships/tags" Target="../tags/tag91.xml"/><Relationship Id="rId145" Type="http://schemas.openxmlformats.org/officeDocument/2006/relationships/tags" Target="../tags/tag145.xml"/><Relationship Id="rId166" Type="http://schemas.openxmlformats.org/officeDocument/2006/relationships/tags" Target="../tags/tag166.xml"/><Relationship Id="rId187" Type="http://schemas.openxmlformats.org/officeDocument/2006/relationships/tags" Target="../tags/tag187.xml"/><Relationship Id="rId331" Type="http://schemas.openxmlformats.org/officeDocument/2006/relationships/tags" Target="../tags/tag331.xml"/><Relationship Id="rId352" Type="http://schemas.openxmlformats.org/officeDocument/2006/relationships/tags" Target="../tags/tag352.xml"/><Relationship Id="rId373" Type="http://schemas.openxmlformats.org/officeDocument/2006/relationships/tags" Target="../tags/tag373.xml"/><Relationship Id="rId394" Type="http://schemas.openxmlformats.org/officeDocument/2006/relationships/tags" Target="../tags/tag394.xml"/><Relationship Id="rId408" Type="http://schemas.openxmlformats.org/officeDocument/2006/relationships/tags" Target="../tags/tag408.xml"/><Relationship Id="rId1" Type="http://schemas.openxmlformats.org/officeDocument/2006/relationships/tags" Target="../tags/tag1.xml"/><Relationship Id="rId212" Type="http://schemas.openxmlformats.org/officeDocument/2006/relationships/tags" Target="../tags/tag212.xml"/><Relationship Id="rId233" Type="http://schemas.openxmlformats.org/officeDocument/2006/relationships/tags" Target="../tags/tag233.xml"/><Relationship Id="rId254" Type="http://schemas.openxmlformats.org/officeDocument/2006/relationships/tags" Target="../tags/tag254.xml"/><Relationship Id="rId28" Type="http://schemas.openxmlformats.org/officeDocument/2006/relationships/tags" Target="../tags/tag28.xml"/><Relationship Id="rId49" Type="http://schemas.openxmlformats.org/officeDocument/2006/relationships/tags" Target="../tags/tag49.xml"/><Relationship Id="rId114" Type="http://schemas.openxmlformats.org/officeDocument/2006/relationships/tags" Target="../tags/tag114.xml"/><Relationship Id="rId275" Type="http://schemas.openxmlformats.org/officeDocument/2006/relationships/tags" Target="../tags/tag275.xml"/><Relationship Id="rId296" Type="http://schemas.openxmlformats.org/officeDocument/2006/relationships/tags" Target="../tags/tag296.xml"/><Relationship Id="rId300" Type="http://schemas.openxmlformats.org/officeDocument/2006/relationships/tags" Target="../tags/tag300.xml"/><Relationship Id="rId60" Type="http://schemas.openxmlformats.org/officeDocument/2006/relationships/tags" Target="../tags/tag60.xml"/><Relationship Id="rId81" Type="http://schemas.openxmlformats.org/officeDocument/2006/relationships/tags" Target="../tags/tag81.xml"/><Relationship Id="rId135" Type="http://schemas.openxmlformats.org/officeDocument/2006/relationships/tags" Target="../tags/tag135.xml"/><Relationship Id="rId156" Type="http://schemas.openxmlformats.org/officeDocument/2006/relationships/tags" Target="../tags/tag156.xml"/><Relationship Id="rId177" Type="http://schemas.openxmlformats.org/officeDocument/2006/relationships/tags" Target="../tags/tag177.xml"/><Relationship Id="rId198" Type="http://schemas.openxmlformats.org/officeDocument/2006/relationships/tags" Target="../tags/tag198.xml"/><Relationship Id="rId321" Type="http://schemas.openxmlformats.org/officeDocument/2006/relationships/tags" Target="../tags/tag321.xml"/><Relationship Id="rId342" Type="http://schemas.openxmlformats.org/officeDocument/2006/relationships/tags" Target="../tags/tag342.xml"/><Relationship Id="rId363" Type="http://schemas.openxmlformats.org/officeDocument/2006/relationships/tags" Target="../tags/tag363.xml"/><Relationship Id="rId384" Type="http://schemas.openxmlformats.org/officeDocument/2006/relationships/tags" Target="../tags/tag384.xml"/><Relationship Id="rId202" Type="http://schemas.openxmlformats.org/officeDocument/2006/relationships/tags" Target="../tags/tag202.xml"/><Relationship Id="rId223" Type="http://schemas.openxmlformats.org/officeDocument/2006/relationships/tags" Target="../tags/tag223.xml"/><Relationship Id="rId244" Type="http://schemas.openxmlformats.org/officeDocument/2006/relationships/tags" Target="../tags/tag244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265" Type="http://schemas.openxmlformats.org/officeDocument/2006/relationships/tags" Target="../tags/tag265.xml"/><Relationship Id="rId286" Type="http://schemas.openxmlformats.org/officeDocument/2006/relationships/tags" Target="../tags/tag286.xml"/><Relationship Id="rId50" Type="http://schemas.openxmlformats.org/officeDocument/2006/relationships/tags" Target="../tags/tag50.xml"/><Relationship Id="rId104" Type="http://schemas.openxmlformats.org/officeDocument/2006/relationships/tags" Target="../tags/tag104.xml"/><Relationship Id="rId125" Type="http://schemas.openxmlformats.org/officeDocument/2006/relationships/tags" Target="../tags/tag125.xml"/><Relationship Id="rId146" Type="http://schemas.openxmlformats.org/officeDocument/2006/relationships/tags" Target="../tags/tag146.xml"/><Relationship Id="rId167" Type="http://schemas.openxmlformats.org/officeDocument/2006/relationships/tags" Target="../tags/tag167.xml"/><Relationship Id="rId188" Type="http://schemas.openxmlformats.org/officeDocument/2006/relationships/tags" Target="../tags/tag188.xml"/><Relationship Id="rId311" Type="http://schemas.openxmlformats.org/officeDocument/2006/relationships/tags" Target="../tags/tag311.xml"/><Relationship Id="rId332" Type="http://schemas.openxmlformats.org/officeDocument/2006/relationships/tags" Target="../tags/tag332.xml"/><Relationship Id="rId353" Type="http://schemas.openxmlformats.org/officeDocument/2006/relationships/tags" Target="../tags/tag353.xml"/><Relationship Id="rId374" Type="http://schemas.openxmlformats.org/officeDocument/2006/relationships/tags" Target="../tags/tag374.xml"/><Relationship Id="rId395" Type="http://schemas.openxmlformats.org/officeDocument/2006/relationships/tags" Target="../tags/tag395.xml"/><Relationship Id="rId409" Type="http://schemas.openxmlformats.org/officeDocument/2006/relationships/tags" Target="../tags/tag409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213" Type="http://schemas.openxmlformats.org/officeDocument/2006/relationships/tags" Target="../tags/tag213.xml"/><Relationship Id="rId234" Type="http://schemas.openxmlformats.org/officeDocument/2006/relationships/tags" Target="../tags/tag234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55" Type="http://schemas.openxmlformats.org/officeDocument/2006/relationships/tags" Target="../tags/tag255.xml"/><Relationship Id="rId276" Type="http://schemas.openxmlformats.org/officeDocument/2006/relationships/tags" Target="../tags/tag276.xml"/><Relationship Id="rId297" Type="http://schemas.openxmlformats.org/officeDocument/2006/relationships/tags" Target="../tags/tag297.xml"/><Relationship Id="rId40" Type="http://schemas.openxmlformats.org/officeDocument/2006/relationships/tags" Target="../tags/tag40.xml"/><Relationship Id="rId115" Type="http://schemas.openxmlformats.org/officeDocument/2006/relationships/tags" Target="../tags/tag115.xml"/><Relationship Id="rId136" Type="http://schemas.openxmlformats.org/officeDocument/2006/relationships/tags" Target="../tags/tag136.xml"/><Relationship Id="rId157" Type="http://schemas.openxmlformats.org/officeDocument/2006/relationships/tags" Target="../tags/tag157.xml"/><Relationship Id="rId178" Type="http://schemas.openxmlformats.org/officeDocument/2006/relationships/tags" Target="../tags/tag178.xml"/><Relationship Id="rId301" Type="http://schemas.openxmlformats.org/officeDocument/2006/relationships/tags" Target="../tags/tag301.xml"/><Relationship Id="rId322" Type="http://schemas.openxmlformats.org/officeDocument/2006/relationships/tags" Target="../tags/tag322.xml"/><Relationship Id="rId343" Type="http://schemas.openxmlformats.org/officeDocument/2006/relationships/tags" Target="../tags/tag343.xml"/><Relationship Id="rId364" Type="http://schemas.openxmlformats.org/officeDocument/2006/relationships/tags" Target="../tags/tag364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99" Type="http://schemas.openxmlformats.org/officeDocument/2006/relationships/tags" Target="../tags/tag199.xml"/><Relationship Id="rId203" Type="http://schemas.openxmlformats.org/officeDocument/2006/relationships/tags" Target="../tags/tag203.xml"/><Relationship Id="rId385" Type="http://schemas.openxmlformats.org/officeDocument/2006/relationships/tags" Target="../tags/tag385.xml"/><Relationship Id="rId19" Type="http://schemas.openxmlformats.org/officeDocument/2006/relationships/tags" Target="../tags/tag19.xml"/><Relationship Id="rId224" Type="http://schemas.openxmlformats.org/officeDocument/2006/relationships/tags" Target="../tags/tag224.xml"/><Relationship Id="rId245" Type="http://schemas.openxmlformats.org/officeDocument/2006/relationships/tags" Target="../tags/tag245.xml"/><Relationship Id="rId266" Type="http://schemas.openxmlformats.org/officeDocument/2006/relationships/tags" Target="../tags/tag266.xml"/><Relationship Id="rId287" Type="http://schemas.openxmlformats.org/officeDocument/2006/relationships/tags" Target="../tags/tag287.xml"/><Relationship Id="rId410" Type="http://schemas.openxmlformats.org/officeDocument/2006/relationships/tags" Target="../tags/tag410.xml"/><Relationship Id="rId30" Type="http://schemas.openxmlformats.org/officeDocument/2006/relationships/tags" Target="../tags/tag30.xml"/><Relationship Id="rId105" Type="http://schemas.openxmlformats.org/officeDocument/2006/relationships/tags" Target="../tags/tag105.xml"/><Relationship Id="rId126" Type="http://schemas.openxmlformats.org/officeDocument/2006/relationships/tags" Target="../tags/tag126.xml"/><Relationship Id="rId147" Type="http://schemas.openxmlformats.org/officeDocument/2006/relationships/tags" Target="../tags/tag147.xml"/><Relationship Id="rId168" Type="http://schemas.openxmlformats.org/officeDocument/2006/relationships/tags" Target="../tags/tag168.xml"/><Relationship Id="rId312" Type="http://schemas.openxmlformats.org/officeDocument/2006/relationships/tags" Target="../tags/tag312.xml"/><Relationship Id="rId333" Type="http://schemas.openxmlformats.org/officeDocument/2006/relationships/tags" Target="../tags/tag333.xml"/><Relationship Id="rId354" Type="http://schemas.openxmlformats.org/officeDocument/2006/relationships/tags" Target="../tags/tag354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93" Type="http://schemas.openxmlformats.org/officeDocument/2006/relationships/tags" Target="../tags/tag93.xml"/><Relationship Id="rId189" Type="http://schemas.openxmlformats.org/officeDocument/2006/relationships/tags" Target="../tags/tag189.xml"/><Relationship Id="rId375" Type="http://schemas.openxmlformats.org/officeDocument/2006/relationships/tags" Target="../tags/tag375.xml"/><Relationship Id="rId396" Type="http://schemas.openxmlformats.org/officeDocument/2006/relationships/tags" Target="../tags/tag396.xml"/><Relationship Id="rId3" Type="http://schemas.openxmlformats.org/officeDocument/2006/relationships/tags" Target="../tags/tag3.xml"/><Relationship Id="rId214" Type="http://schemas.openxmlformats.org/officeDocument/2006/relationships/tags" Target="../tags/tag214.xml"/><Relationship Id="rId235" Type="http://schemas.openxmlformats.org/officeDocument/2006/relationships/tags" Target="../tags/tag235.xml"/><Relationship Id="rId256" Type="http://schemas.openxmlformats.org/officeDocument/2006/relationships/tags" Target="../tags/tag256.xml"/><Relationship Id="rId277" Type="http://schemas.openxmlformats.org/officeDocument/2006/relationships/tags" Target="../tags/tag277.xml"/><Relationship Id="rId298" Type="http://schemas.openxmlformats.org/officeDocument/2006/relationships/tags" Target="../tags/tag298.xml"/><Relationship Id="rId400" Type="http://schemas.openxmlformats.org/officeDocument/2006/relationships/tags" Target="../tags/tag400.xml"/><Relationship Id="rId116" Type="http://schemas.openxmlformats.org/officeDocument/2006/relationships/tags" Target="../tags/tag116.xml"/><Relationship Id="rId137" Type="http://schemas.openxmlformats.org/officeDocument/2006/relationships/tags" Target="../tags/tag137.xml"/><Relationship Id="rId158" Type="http://schemas.openxmlformats.org/officeDocument/2006/relationships/tags" Target="../tags/tag158.xml"/><Relationship Id="rId302" Type="http://schemas.openxmlformats.org/officeDocument/2006/relationships/tags" Target="../tags/tag302.xml"/><Relationship Id="rId323" Type="http://schemas.openxmlformats.org/officeDocument/2006/relationships/tags" Target="../tags/tag323.xml"/><Relationship Id="rId344" Type="http://schemas.openxmlformats.org/officeDocument/2006/relationships/tags" Target="../tags/tag344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62" Type="http://schemas.openxmlformats.org/officeDocument/2006/relationships/tags" Target="../tags/tag62.xml"/><Relationship Id="rId83" Type="http://schemas.openxmlformats.org/officeDocument/2006/relationships/tags" Target="../tags/tag83.xml"/><Relationship Id="rId179" Type="http://schemas.openxmlformats.org/officeDocument/2006/relationships/tags" Target="../tags/tag179.xml"/><Relationship Id="rId365" Type="http://schemas.openxmlformats.org/officeDocument/2006/relationships/tags" Target="../tags/tag365.xml"/><Relationship Id="rId386" Type="http://schemas.openxmlformats.org/officeDocument/2006/relationships/tags" Target="../tags/tag386.xml"/><Relationship Id="rId190" Type="http://schemas.openxmlformats.org/officeDocument/2006/relationships/tags" Target="../tags/tag190.xml"/><Relationship Id="rId204" Type="http://schemas.openxmlformats.org/officeDocument/2006/relationships/tags" Target="../tags/tag204.xml"/><Relationship Id="rId225" Type="http://schemas.openxmlformats.org/officeDocument/2006/relationships/tags" Target="../tags/tag225.xml"/><Relationship Id="rId246" Type="http://schemas.openxmlformats.org/officeDocument/2006/relationships/tags" Target="../tags/tag246.xml"/><Relationship Id="rId267" Type="http://schemas.openxmlformats.org/officeDocument/2006/relationships/tags" Target="../tags/tag267.xml"/><Relationship Id="rId288" Type="http://schemas.openxmlformats.org/officeDocument/2006/relationships/tags" Target="../tags/tag288.xml"/><Relationship Id="rId411" Type="http://schemas.openxmlformats.org/officeDocument/2006/relationships/tags" Target="../tags/tag411.xml"/><Relationship Id="rId106" Type="http://schemas.openxmlformats.org/officeDocument/2006/relationships/tags" Target="../tags/tag106.xml"/><Relationship Id="rId127" Type="http://schemas.openxmlformats.org/officeDocument/2006/relationships/tags" Target="../tags/tag127.xml"/><Relationship Id="rId313" Type="http://schemas.openxmlformats.org/officeDocument/2006/relationships/tags" Target="../tags/tag313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52" Type="http://schemas.openxmlformats.org/officeDocument/2006/relationships/tags" Target="../tags/tag52.xml"/><Relationship Id="rId73" Type="http://schemas.openxmlformats.org/officeDocument/2006/relationships/tags" Target="../tags/tag73.xml"/><Relationship Id="rId94" Type="http://schemas.openxmlformats.org/officeDocument/2006/relationships/tags" Target="../tags/tag94.xml"/><Relationship Id="rId148" Type="http://schemas.openxmlformats.org/officeDocument/2006/relationships/tags" Target="../tags/tag148.xml"/><Relationship Id="rId169" Type="http://schemas.openxmlformats.org/officeDocument/2006/relationships/tags" Target="../tags/tag169.xml"/><Relationship Id="rId334" Type="http://schemas.openxmlformats.org/officeDocument/2006/relationships/tags" Target="../tags/tag334.xml"/><Relationship Id="rId355" Type="http://schemas.openxmlformats.org/officeDocument/2006/relationships/tags" Target="../tags/tag355.xml"/><Relationship Id="rId376" Type="http://schemas.openxmlformats.org/officeDocument/2006/relationships/tags" Target="../tags/tag376.xml"/><Relationship Id="rId397" Type="http://schemas.openxmlformats.org/officeDocument/2006/relationships/tags" Target="../tags/tag397.xml"/><Relationship Id="rId4" Type="http://schemas.openxmlformats.org/officeDocument/2006/relationships/tags" Target="../tags/tag4.xml"/><Relationship Id="rId180" Type="http://schemas.openxmlformats.org/officeDocument/2006/relationships/tags" Target="../tags/tag180.xml"/><Relationship Id="rId215" Type="http://schemas.openxmlformats.org/officeDocument/2006/relationships/tags" Target="../tags/tag215.xml"/><Relationship Id="rId236" Type="http://schemas.openxmlformats.org/officeDocument/2006/relationships/tags" Target="../tags/tag236.xml"/><Relationship Id="rId257" Type="http://schemas.openxmlformats.org/officeDocument/2006/relationships/tags" Target="../tags/tag257.xml"/><Relationship Id="rId278" Type="http://schemas.openxmlformats.org/officeDocument/2006/relationships/tags" Target="../tags/tag278.xml"/><Relationship Id="rId401" Type="http://schemas.openxmlformats.org/officeDocument/2006/relationships/tags" Target="../tags/tag401.xml"/><Relationship Id="rId303" Type="http://schemas.openxmlformats.org/officeDocument/2006/relationships/tags" Target="../tags/tag303.xml"/><Relationship Id="rId42" Type="http://schemas.openxmlformats.org/officeDocument/2006/relationships/tags" Target="../tags/tag42.xml"/><Relationship Id="rId84" Type="http://schemas.openxmlformats.org/officeDocument/2006/relationships/tags" Target="../tags/tag84.xml"/><Relationship Id="rId138" Type="http://schemas.openxmlformats.org/officeDocument/2006/relationships/tags" Target="../tags/tag138.xml"/><Relationship Id="rId345" Type="http://schemas.openxmlformats.org/officeDocument/2006/relationships/tags" Target="../tags/tag345.xml"/><Relationship Id="rId387" Type="http://schemas.openxmlformats.org/officeDocument/2006/relationships/tags" Target="../tags/tag387.xml"/><Relationship Id="rId191" Type="http://schemas.openxmlformats.org/officeDocument/2006/relationships/tags" Target="../tags/tag191.xml"/><Relationship Id="rId205" Type="http://schemas.openxmlformats.org/officeDocument/2006/relationships/tags" Target="../tags/tag205.xml"/><Relationship Id="rId247" Type="http://schemas.openxmlformats.org/officeDocument/2006/relationships/tags" Target="../tags/tag247.xml"/><Relationship Id="rId412" Type="http://schemas.openxmlformats.org/officeDocument/2006/relationships/tags" Target="../tags/tag412.xml"/><Relationship Id="rId107" Type="http://schemas.openxmlformats.org/officeDocument/2006/relationships/tags" Target="../tags/tag107.xml"/><Relationship Id="rId289" Type="http://schemas.openxmlformats.org/officeDocument/2006/relationships/tags" Target="../tags/tag289.xml"/><Relationship Id="rId11" Type="http://schemas.openxmlformats.org/officeDocument/2006/relationships/tags" Target="../tags/tag11.xml"/><Relationship Id="rId53" Type="http://schemas.openxmlformats.org/officeDocument/2006/relationships/tags" Target="../tags/tag53.xml"/><Relationship Id="rId149" Type="http://schemas.openxmlformats.org/officeDocument/2006/relationships/tags" Target="../tags/tag149.xml"/><Relationship Id="rId314" Type="http://schemas.openxmlformats.org/officeDocument/2006/relationships/tags" Target="../tags/tag314.xml"/><Relationship Id="rId356" Type="http://schemas.openxmlformats.org/officeDocument/2006/relationships/tags" Target="../tags/tag356.xml"/><Relationship Id="rId398" Type="http://schemas.openxmlformats.org/officeDocument/2006/relationships/tags" Target="../tags/tag398.xml"/><Relationship Id="rId95" Type="http://schemas.openxmlformats.org/officeDocument/2006/relationships/tags" Target="../tags/tag95.xml"/><Relationship Id="rId160" Type="http://schemas.openxmlformats.org/officeDocument/2006/relationships/tags" Target="../tags/tag160.xml"/><Relationship Id="rId216" Type="http://schemas.openxmlformats.org/officeDocument/2006/relationships/tags" Target="../tags/tag216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5415" name="OTLSHAPE_T_2cc2eed1777a431dbe346759e7231a0e_HorizontalConnector1">
            <a:extLst>
              <a:ext uri="{FF2B5EF4-FFF2-40B4-BE49-F238E27FC236}">
                <a16:creationId xmlns:a16="http://schemas.microsoft.com/office/drawing/2014/main" id="{F5498B10-1389-43F2-B450-E1CC7D6C40C3}"/>
              </a:ext>
            </a:extLst>
          </p:cNvPr>
          <p:cNvCxnSpPr/>
          <p:nvPr>
            <p:custDataLst>
              <p:tags r:id="rId2"/>
            </p:custDataLst>
          </p:nvPr>
        </p:nvCxnSpPr>
        <p:spPr>
          <a:xfrm>
            <a:off x="1649434" y="20123446"/>
            <a:ext cx="14697697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414" name="OTLSHAPE_T_775eba9507c746c68449b96bfae8966e_HorizontalConnector1">
            <a:extLst>
              <a:ext uri="{FF2B5EF4-FFF2-40B4-BE49-F238E27FC236}">
                <a16:creationId xmlns:a16="http://schemas.microsoft.com/office/drawing/2014/main" id="{19DB405D-B900-4236-8F35-19C61D92853B}"/>
              </a:ext>
            </a:extLst>
          </p:cNvPr>
          <p:cNvCxnSpPr/>
          <p:nvPr>
            <p:custDataLst>
              <p:tags r:id="rId3"/>
            </p:custDataLst>
          </p:nvPr>
        </p:nvCxnSpPr>
        <p:spPr>
          <a:xfrm>
            <a:off x="1822408" y="19532812"/>
            <a:ext cx="14524723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413" name="OTLSHAPE_T_625152fce1bc4226a1545630f6e01995_HorizontalConnector1">
            <a:extLst>
              <a:ext uri="{FF2B5EF4-FFF2-40B4-BE49-F238E27FC236}">
                <a16:creationId xmlns:a16="http://schemas.microsoft.com/office/drawing/2014/main" id="{F1876E9C-5301-4F8B-99BC-B19FB7BBF4F1}"/>
              </a:ext>
            </a:extLst>
          </p:cNvPr>
          <p:cNvCxnSpPr/>
          <p:nvPr>
            <p:custDataLst>
              <p:tags r:id="rId4"/>
            </p:custDataLst>
          </p:nvPr>
        </p:nvCxnSpPr>
        <p:spPr>
          <a:xfrm>
            <a:off x="1401233" y="18942177"/>
            <a:ext cx="14945897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412" name="OTLSHAPE_T_b5c8b6bd492e4c829f181ca55164d3e7_HorizontalConnector1">
            <a:extLst>
              <a:ext uri="{FF2B5EF4-FFF2-40B4-BE49-F238E27FC236}">
                <a16:creationId xmlns:a16="http://schemas.microsoft.com/office/drawing/2014/main" id="{A2ECE38A-86A9-4A4D-8063-4BCF3345C182}"/>
              </a:ext>
            </a:extLst>
          </p:cNvPr>
          <p:cNvCxnSpPr/>
          <p:nvPr>
            <p:custDataLst>
              <p:tags r:id="rId5"/>
            </p:custDataLst>
          </p:nvPr>
        </p:nvCxnSpPr>
        <p:spPr>
          <a:xfrm>
            <a:off x="2409529" y="18513510"/>
            <a:ext cx="13937600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411" name="OTLSHAPE_T_31104af39cbe4ca28d02c28b0c7c57a6_HorizontalConnector1">
            <a:extLst>
              <a:ext uri="{FF2B5EF4-FFF2-40B4-BE49-F238E27FC236}">
                <a16:creationId xmlns:a16="http://schemas.microsoft.com/office/drawing/2014/main" id="{61194948-ED6D-4F07-A98A-4C0D9C4F7943}"/>
              </a:ext>
            </a:extLst>
          </p:cNvPr>
          <p:cNvCxnSpPr/>
          <p:nvPr>
            <p:custDataLst>
              <p:tags r:id="rId6"/>
            </p:custDataLst>
          </p:nvPr>
        </p:nvCxnSpPr>
        <p:spPr>
          <a:xfrm>
            <a:off x="2474595" y="18216626"/>
            <a:ext cx="5085249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410" name="OTLSHAPE_T_082cb28cb5d649a89fa5d0362ea28e3c_HorizontalConnector1">
            <a:extLst>
              <a:ext uri="{FF2B5EF4-FFF2-40B4-BE49-F238E27FC236}">
                <a16:creationId xmlns:a16="http://schemas.microsoft.com/office/drawing/2014/main" id="{19BB4908-9BA5-40CD-B053-A6B85E016209}"/>
              </a:ext>
            </a:extLst>
          </p:cNvPr>
          <p:cNvCxnSpPr/>
          <p:nvPr>
            <p:custDataLst>
              <p:tags r:id="rId7"/>
            </p:custDataLst>
          </p:nvPr>
        </p:nvCxnSpPr>
        <p:spPr>
          <a:xfrm>
            <a:off x="2893272" y="17889559"/>
            <a:ext cx="8483999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237" name="OTLSHAPE_T_f0a6d3c5036b42998bbbfb800809cbe9_HorizontalConnector1">
            <a:extLst>
              <a:ext uri="{FF2B5EF4-FFF2-40B4-BE49-F238E27FC236}">
                <a16:creationId xmlns:a16="http://schemas.microsoft.com/office/drawing/2014/main" id="{64DD373C-0515-4B47-A2EF-598760E938CB}"/>
              </a:ext>
            </a:extLst>
          </p:cNvPr>
          <p:cNvCxnSpPr/>
          <p:nvPr>
            <p:custDataLst>
              <p:tags r:id="rId8"/>
            </p:custDataLst>
          </p:nvPr>
        </p:nvCxnSpPr>
        <p:spPr>
          <a:xfrm>
            <a:off x="2343489" y="17562491"/>
            <a:ext cx="8025405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236" name="OTLSHAPE_T_5d2856876b4144dbbc6c5b7e509fdc72_HorizontalConnector1">
            <a:extLst>
              <a:ext uri="{FF2B5EF4-FFF2-40B4-BE49-F238E27FC236}">
                <a16:creationId xmlns:a16="http://schemas.microsoft.com/office/drawing/2014/main" id="{C149F417-27FF-480B-B6F2-F29499BABC05}"/>
              </a:ext>
            </a:extLst>
          </p:cNvPr>
          <p:cNvCxnSpPr/>
          <p:nvPr>
            <p:custDataLst>
              <p:tags r:id="rId9"/>
            </p:custDataLst>
          </p:nvPr>
        </p:nvCxnSpPr>
        <p:spPr>
          <a:xfrm>
            <a:off x="2182749" y="17235424"/>
            <a:ext cx="7609929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235" name="OTLSHAPE_T_0b1e8459444947f39d194de20c098f06_HorizontalConnector1">
            <a:extLst>
              <a:ext uri="{FF2B5EF4-FFF2-40B4-BE49-F238E27FC236}">
                <a16:creationId xmlns:a16="http://schemas.microsoft.com/office/drawing/2014/main" id="{03A3B393-B1B0-409E-962D-0BD9B5D05451}"/>
              </a:ext>
            </a:extLst>
          </p:cNvPr>
          <p:cNvCxnSpPr/>
          <p:nvPr>
            <p:custDataLst>
              <p:tags r:id="rId10"/>
            </p:custDataLst>
          </p:nvPr>
        </p:nvCxnSpPr>
        <p:spPr>
          <a:xfrm>
            <a:off x="1885611" y="16908357"/>
            <a:ext cx="6610583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234" name="OTLSHAPE_T_bb2ba46e33fa4a42ae8fe39183fcd217_HorizontalConnector1">
            <a:extLst>
              <a:ext uri="{FF2B5EF4-FFF2-40B4-BE49-F238E27FC236}">
                <a16:creationId xmlns:a16="http://schemas.microsoft.com/office/drawing/2014/main" id="{A49E1855-D437-46C8-B948-EE61CDD07773}"/>
              </a:ext>
            </a:extLst>
          </p:cNvPr>
          <p:cNvCxnSpPr/>
          <p:nvPr>
            <p:custDataLst>
              <p:tags r:id="rId11"/>
            </p:custDataLst>
          </p:nvPr>
        </p:nvCxnSpPr>
        <p:spPr>
          <a:xfrm>
            <a:off x="2243878" y="16581289"/>
            <a:ext cx="6900558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233" name="OTLSHAPE_T_aea69bf4c88a4da3b0ed0b6f460b5af5_HorizontalConnector1">
            <a:extLst>
              <a:ext uri="{FF2B5EF4-FFF2-40B4-BE49-F238E27FC236}">
                <a16:creationId xmlns:a16="http://schemas.microsoft.com/office/drawing/2014/main" id="{88CD11BC-FD6F-4993-A8FB-331138A364D3}"/>
              </a:ext>
            </a:extLst>
          </p:cNvPr>
          <p:cNvCxnSpPr/>
          <p:nvPr>
            <p:custDataLst>
              <p:tags r:id="rId12"/>
            </p:custDataLst>
          </p:nvPr>
        </p:nvCxnSpPr>
        <p:spPr>
          <a:xfrm>
            <a:off x="1870244" y="16254222"/>
            <a:ext cx="5113384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232" name="OTLSHAPE_T_acbc66b5b6ce44aaa8535da06f3ba8b9_HorizontalConnector1">
            <a:extLst>
              <a:ext uri="{FF2B5EF4-FFF2-40B4-BE49-F238E27FC236}">
                <a16:creationId xmlns:a16="http://schemas.microsoft.com/office/drawing/2014/main" id="{7A15CF36-F57D-4CCD-BA8C-B05384C1661E}"/>
              </a:ext>
            </a:extLst>
          </p:cNvPr>
          <p:cNvCxnSpPr/>
          <p:nvPr>
            <p:custDataLst>
              <p:tags r:id="rId13"/>
            </p:custDataLst>
          </p:nvPr>
        </p:nvCxnSpPr>
        <p:spPr>
          <a:xfrm>
            <a:off x="1073573" y="15957338"/>
            <a:ext cx="5910055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231" name="OTLSHAPE_T_505c3f0b25914b8491f3d1d1bd8be78b_HorizontalConnector1">
            <a:extLst>
              <a:ext uri="{FF2B5EF4-FFF2-40B4-BE49-F238E27FC236}">
                <a16:creationId xmlns:a16="http://schemas.microsoft.com/office/drawing/2014/main" id="{4583A8FD-82FA-40B8-B937-7C4A6BF2CB50}"/>
              </a:ext>
            </a:extLst>
          </p:cNvPr>
          <p:cNvCxnSpPr/>
          <p:nvPr>
            <p:custDataLst>
              <p:tags r:id="rId14"/>
            </p:custDataLst>
          </p:nvPr>
        </p:nvCxnSpPr>
        <p:spPr>
          <a:xfrm>
            <a:off x="1825922" y="15660455"/>
            <a:ext cx="5950003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230" name="OTLSHAPE_T_d29cdbdde3b44c23a2ca60ab7e21b29b_HorizontalConnector1">
            <a:extLst>
              <a:ext uri="{FF2B5EF4-FFF2-40B4-BE49-F238E27FC236}">
                <a16:creationId xmlns:a16="http://schemas.microsoft.com/office/drawing/2014/main" id="{51BF98A5-A1E2-4713-B472-FEEB8576122F}"/>
              </a:ext>
            </a:extLst>
          </p:cNvPr>
          <p:cNvCxnSpPr/>
          <p:nvPr>
            <p:custDataLst>
              <p:tags r:id="rId15"/>
            </p:custDataLst>
          </p:nvPr>
        </p:nvCxnSpPr>
        <p:spPr>
          <a:xfrm>
            <a:off x="2266823" y="15333388"/>
            <a:ext cx="4788782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229" name="OTLSHAPE_T_170eb25b53384f06bf9caeb58ed6e923_HorizontalConnector1">
            <a:extLst>
              <a:ext uri="{FF2B5EF4-FFF2-40B4-BE49-F238E27FC236}">
                <a16:creationId xmlns:a16="http://schemas.microsoft.com/office/drawing/2014/main" id="{7914558F-AA78-45ED-BF3B-66D0130F05D2}"/>
              </a:ext>
            </a:extLst>
          </p:cNvPr>
          <p:cNvCxnSpPr/>
          <p:nvPr>
            <p:custDataLst>
              <p:tags r:id="rId16"/>
            </p:custDataLst>
          </p:nvPr>
        </p:nvCxnSpPr>
        <p:spPr>
          <a:xfrm>
            <a:off x="844973" y="15036504"/>
            <a:ext cx="6138655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228" name="OTLSHAPE_T_1057f57dff614335972c6c796838a70e_HorizontalConnector1">
            <a:extLst>
              <a:ext uri="{FF2B5EF4-FFF2-40B4-BE49-F238E27FC236}">
                <a16:creationId xmlns:a16="http://schemas.microsoft.com/office/drawing/2014/main" id="{D27DDC12-00C6-4C20-A7EE-7B9075BF96B7}"/>
              </a:ext>
            </a:extLst>
          </p:cNvPr>
          <p:cNvCxnSpPr/>
          <p:nvPr>
            <p:custDataLst>
              <p:tags r:id="rId17"/>
            </p:custDataLst>
          </p:nvPr>
        </p:nvCxnSpPr>
        <p:spPr>
          <a:xfrm>
            <a:off x="1469263" y="14739620"/>
            <a:ext cx="9691927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227" name="OTLSHAPE_T_b26232a788294d0da80cbe9d3212c934_HorizontalConnector1">
            <a:extLst>
              <a:ext uri="{FF2B5EF4-FFF2-40B4-BE49-F238E27FC236}">
                <a16:creationId xmlns:a16="http://schemas.microsoft.com/office/drawing/2014/main" id="{5E033B0D-CEFC-4FAA-8A0B-947063E71982}"/>
              </a:ext>
            </a:extLst>
          </p:cNvPr>
          <p:cNvCxnSpPr/>
          <p:nvPr>
            <p:custDataLst>
              <p:tags r:id="rId18"/>
            </p:custDataLst>
          </p:nvPr>
        </p:nvCxnSpPr>
        <p:spPr>
          <a:xfrm>
            <a:off x="2157010" y="14412553"/>
            <a:ext cx="9004180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226" name="OTLSHAPE_T_fb834fb0fd87455fb51286cf1aed0181_HorizontalConnector1">
            <a:extLst>
              <a:ext uri="{FF2B5EF4-FFF2-40B4-BE49-F238E27FC236}">
                <a16:creationId xmlns:a16="http://schemas.microsoft.com/office/drawing/2014/main" id="{2084C63F-C546-499A-ABF1-5FB83E6F71DF}"/>
              </a:ext>
            </a:extLst>
          </p:cNvPr>
          <p:cNvCxnSpPr/>
          <p:nvPr>
            <p:custDataLst>
              <p:tags r:id="rId19"/>
            </p:custDataLst>
          </p:nvPr>
        </p:nvCxnSpPr>
        <p:spPr>
          <a:xfrm>
            <a:off x="1615948" y="14085486"/>
            <a:ext cx="11345916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225" name="OTLSHAPE_T_415838629427457ca12cda4f88f4c673_HorizontalConnector1">
            <a:extLst>
              <a:ext uri="{FF2B5EF4-FFF2-40B4-BE49-F238E27FC236}">
                <a16:creationId xmlns:a16="http://schemas.microsoft.com/office/drawing/2014/main" id="{27BD0A89-6864-47EC-BEF8-224830BB1416}"/>
              </a:ext>
            </a:extLst>
          </p:cNvPr>
          <p:cNvCxnSpPr/>
          <p:nvPr>
            <p:custDataLst>
              <p:tags r:id="rId20"/>
            </p:custDataLst>
          </p:nvPr>
        </p:nvCxnSpPr>
        <p:spPr>
          <a:xfrm>
            <a:off x="1570270" y="13758418"/>
            <a:ext cx="8222408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224" name="OTLSHAPE_T_7754225526a1413eac33b1e2ee72a7a9_HorizontalConnector1">
            <a:extLst>
              <a:ext uri="{FF2B5EF4-FFF2-40B4-BE49-F238E27FC236}">
                <a16:creationId xmlns:a16="http://schemas.microsoft.com/office/drawing/2014/main" id="{B13C5562-FBBC-4B09-9113-28C03981DF2A}"/>
              </a:ext>
            </a:extLst>
          </p:cNvPr>
          <p:cNvCxnSpPr/>
          <p:nvPr>
            <p:custDataLst>
              <p:tags r:id="rId21"/>
            </p:custDataLst>
          </p:nvPr>
        </p:nvCxnSpPr>
        <p:spPr>
          <a:xfrm>
            <a:off x="1824693" y="13431351"/>
            <a:ext cx="7103662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025" name="OTLSHAPE_T_e1f7b2aab5ff4861909bb6f84b9a58d5_HorizontalConnector1">
            <a:extLst>
              <a:ext uri="{FF2B5EF4-FFF2-40B4-BE49-F238E27FC236}">
                <a16:creationId xmlns:a16="http://schemas.microsoft.com/office/drawing/2014/main" id="{3C293515-4B7F-4612-AC9A-7594AA0445CD}"/>
              </a:ext>
            </a:extLst>
          </p:cNvPr>
          <p:cNvCxnSpPr/>
          <p:nvPr>
            <p:custDataLst>
              <p:tags r:id="rId22"/>
            </p:custDataLst>
          </p:nvPr>
        </p:nvCxnSpPr>
        <p:spPr>
          <a:xfrm>
            <a:off x="1378585" y="13104284"/>
            <a:ext cx="6181258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024" name="OTLSHAPE_T_6d0ac59b73fd4a4fbced8a9925f0881c_HorizontalConnector1">
            <a:extLst>
              <a:ext uri="{FF2B5EF4-FFF2-40B4-BE49-F238E27FC236}">
                <a16:creationId xmlns:a16="http://schemas.microsoft.com/office/drawing/2014/main" id="{1F3824C2-DA63-4615-A842-C8245FD836D5}"/>
              </a:ext>
            </a:extLst>
          </p:cNvPr>
          <p:cNvCxnSpPr/>
          <p:nvPr>
            <p:custDataLst>
              <p:tags r:id="rId23"/>
            </p:custDataLst>
          </p:nvPr>
        </p:nvCxnSpPr>
        <p:spPr>
          <a:xfrm>
            <a:off x="2110148" y="12777216"/>
            <a:ext cx="10131447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71" name="OTLSHAPE_T_21b58c5a4cd943b3802f5e9de07d7b6c_HorizontalConnector1">
            <a:extLst>
              <a:ext uri="{FF2B5EF4-FFF2-40B4-BE49-F238E27FC236}">
                <a16:creationId xmlns:a16="http://schemas.microsoft.com/office/drawing/2014/main" id="{AFD9DCE3-163F-42BF-A3C4-DB6A9472D568}"/>
              </a:ext>
            </a:extLst>
          </p:cNvPr>
          <p:cNvCxnSpPr/>
          <p:nvPr>
            <p:custDataLst>
              <p:tags r:id="rId24"/>
            </p:custDataLst>
          </p:nvPr>
        </p:nvCxnSpPr>
        <p:spPr>
          <a:xfrm>
            <a:off x="2359279" y="12450149"/>
            <a:ext cx="7289346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70" name="OTLSHAPE_T_46e0bf66e5ab4033a4b3a57a033fb277_HorizontalConnector1">
            <a:extLst>
              <a:ext uri="{FF2B5EF4-FFF2-40B4-BE49-F238E27FC236}">
                <a16:creationId xmlns:a16="http://schemas.microsoft.com/office/drawing/2014/main" id="{EB62B232-8E2E-4208-9526-670E685D25EB}"/>
              </a:ext>
            </a:extLst>
          </p:cNvPr>
          <p:cNvCxnSpPr/>
          <p:nvPr>
            <p:custDataLst>
              <p:tags r:id="rId25"/>
            </p:custDataLst>
          </p:nvPr>
        </p:nvCxnSpPr>
        <p:spPr>
          <a:xfrm>
            <a:off x="2027174" y="12123081"/>
            <a:ext cx="6180912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69" name="OTLSHAPE_T_e68ed40d4b83438e8cad58acf3860f3b_HorizontalConnector1">
            <a:extLst>
              <a:ext uri="{FF2B5EF4-FFF2-40B4-BE49-F238E27FC236}">
                <a16:creationId xmlns:a16="http://schemas.microsoft.com/office/drawing/2014/main" id="{10AA8088-AF62-43B8-AC39-037D3C812AE4}"/>
              </a:ext>
            </a:extLst>
          </p:cNvPr>
          <p:cNvCxnSpPr/>
          <p:nvPr>
            <p:custDataLst>
              <p:tags r:id="rId26"/>
            </p:custDataLst>
          </p:nvPr>
        </p:nvCxnSpPr>
        <p:spPr>
          <a:xfrm>
            <a:off x="1822154" y="11796014"/>
            <a:ext cx="6385932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68" name="OTLSHAPE_T_43f4774306dc496288f2e7fe819fb584_HorizontalConnector1">
            <a:extLst>
              <a:ext uri="{FF2B5EF4-FFF2-40B4-BE49-F238E27FC236}">
                <a16:creationId xmlns:a16="http://schemas.microsoft.com/office/drawing/2014/main" id="{AD88A282-A92E-4986-8653-3FD27437BF2C}"/>
              </a:ext>
            </a:extLst>
          </p:cNvPr>
          <p:cNvCxnSpPr/>
          <p:nvPr>
            <p:custDataLst>
              <p:tags r:id="rId27"/>
            </p:custDataLst>
          </p:nvPr>
        </p:nvCxnSpPr>
        <p:spPr>
          <a:xfrm>
            <a:off x="1131697" y="11499131"/>
            <a:ext cx="6428146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67" name="OTLSHAPE_T_49b6679fedd44b80918c951ea174ab31_HorizontalConnector1">
            <a:extLst>
              <a:ext uri="{FF2B5EF4-FFF2-40B4-BE49-F238E27FC236}">
                <a16:creationId xmlns:a16="http://schemas.microsoft.com/office/drawing/2014/main" id="{61C617D3-71A9-49C2-8356-7BC5FDA91BC5}"/>
              </a:ext>
            </a:extLst>
          </p:cNvPr>
          <p:cNvCxnSpPr/>
          <p:nvPr>
            <p:custDataLst>
              <p:tags r:id="rId28"/>
            </p:custDataLst>
          </p:nvPr>
        </p:nvCxnSpPr>
        <p:spPr>
          <a:xfrm>
            <a:off x="2547408" y="11202246"/>
            <a:ext cx="5300543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66" name="OTLSHAPE_T_ba2e5b4e4cb94201b6bbef45909cbff2_HorizontalConnector1">
            <a:extLst>
              <a:ext uri="{FF2B5EF4-FFF2-40B4-BE49-F238E27FC236}">
                <a16:creationId xmlns:a16="http://schemas.microsoft.com/office/drawing/2014/main" id="{D2FE77B0-C41C-49BD-8162-B2DA18D4A28D}"/>
              </a:ext>
            </a:extLst>
          </p:cNvPr>
          <p:cNvCxnSpPr/>
          <p:nvPr>
            <p:custDataLst>
              <p:tags r:id="rId29"/>
            </p:custDataLst>
          </p:nvPr>
        </p:nvCxnSpPr>
        <p:spPr>
          <a:xfrm>
            <a:off x="1962022" y="10875180"/>
            <a:ext cx="4445390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65" name="OTLSHAPE_T_fd3c1e32a21040adaa8b088d40305476_HorizontalConnector1">
            <a:extLst>
              <a:ext uri="{FF2B5EF4-FFF2-40B4-BE49-F238E27FC236}">
                <a16:creationId xmlns:a16="http://schemas.microsoft.com/office/drawing/2014/main" id="{EF9A3231-41F6-4C55-858B-02066F9AFC5E}"/>
              </a:ext>
            </a:extLst>
          </p:cNvPr>
          <p:cNvCxnSpPr/>
          <p:nvPr>
            <p:custDataLst>
              <p:tags r:id="rId30"/>
            </p:custDataLst>
          </p:nvPr>
        </p:nvCxnSpPr>
        <p:spPr>
          <a:xfrm>
            <a:off x="2108708" y="10548112"/>
            <a:ext cx="4298705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64" name="OTLSHAPE_T_18ee38847f134fc580886c9d7f9030b0_HorizontalConnector1">
            <a:extLst>
              <a:ext uri="{FF2B5EF4-FFF2-40B4-BE49-F238E27FC236}">
                <a16:creationId xmlns:a16="http://schemas.microsoft.com/office/drawing/2014/main" id="{4BBA70D1-7A43-4FD9-A8E5-5E26013827DA}"/>
              </a:ext>
            </a:extLst>
          </p:cNvPr>
          <p:cNvCxnSpPr/>
          <p:nvPr>
            <p:custDataLst>
              <p:tags r:id="rId31"/>
            </p:custDataLst>
          </p:nvPr>
        </p:nvCxnSpPr>
        <p:spPr>
          <a:xfrm>
            <a:off x="2063030" y="10221044"/>
            <a:ext cx="4344382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63" name="OTLSHAPE_T_71964515046c4804a7b339e3293b5c1d_HorizontalConnector1">
            <a:extLst>
              <a:ext uri="{FF2B5EF4-FFF2-40B4-BE49-F238E27FC236}">
                <a16:creationId xmlns:a16="http://schemas.microsoft.com/office/drawing/2014/main" id="{1E0D29DB-0604-47D2-8496-81923A1EA967}"/>
              </a:ext>
            </a:extLst>
          </p:cNvPr>
          <p:cNvCxnSpPr/>
          <p:nvPr>
            <p:custDataLst>
              <p:tags r:id="rId32"/>
            </p:custDataLst>
          </p:nvPr>
        </p:nvCxnSpPr>
        <p:spPr>
          <a:xfrm>
            <a:off x="2742438" y="9893977"/>
            <a:ext cx="3664974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62" name="OTLSHAPE_T_264db2009fe6486f9f3700fb0c61098c_HorizontalConnector1">
            <a:extLst>
              <a:ext uri="{FF2B5EF4-FFF2-40B4-BE49-F238E27FC236}">
                <a16:creationId xmlns:a16="http://schemas.microsoft.com/office/drawing/2014/main" id="{D5FFE9FD-1FD8-4C67-BD67-B77C2FF448F7}"/>
              </a:ext>
            </a:extLst>
          </p:cNvPr>
          <p:cNvCxnSpPr/>
          <p:nvPr>
            <p:custDataLst>
              <p:tags r:id="rId33"/>
            </p:custDataLst>
          </p:nvPr>
        </p:nvCxnSpPr>
        <p:spPr>
          <a:xfrm>
            <a:off x="2705438" y="9566910"/>
            <a:ext cx="3701974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61" name="OTLSHAPE_T_ee2f68e8b1ef4a9f8c5332855d25b8e5_HorizontalConnector1">
            <a:extLst>
              <a:ext uri="{FF2B5EF4-FFF2-40B4-BE49-F238E27FC236}">
                <a16:creationId xmlns:a16="http://schemas.microsoft.com/office/drawing/2014/main" id="{6931B0D2-61DE-4FED-AABA-81157D8B3C90}"/>
              </a:ext>
            </a:extLst>
          </p:cNvPr>
          <p:cNvCxnSpPr/>
          <p:nvPr>
            <p:custDataLst>
              <p:tags r:id="rId34"/>
            </p:custDataLst>
          </p:nvPr>
        </p:nvCxnSpPr>
        <p:spPr>
          <a:xfrm>
            <a:off x="2935901" y="9239843"/>
            <a:ext cx="3471511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60" name="OTLSHAPE_T_5aa6116328ae4a149e6d38888221f131_HorizontalConnector1">
            <a:extLst>
              <a:ext uri="{FF2B5EF4-FFF2-40B4-BE49-F238E27FC236}">
                <a16:creationId xmlns:a16="http://schemas.microsoft.com/office/drawing/2014/main" id="{3193C3D5-6092-4B58-B44E-DB7C0D3692FC}"/>
              </a:ext>
            </a:extLst>
          </p:cNvPr>
          <p:cNvCxnSpPr/>
          <p:nvPr>
            <p:custDataLst>
              <p:tags r:id="rId35"/>
            </p:custDataLst>
          </p:nvPr>
        </p:nvCxnSpPr>
        <p:spPr>
          <a:xfrm>
            <a:off x="2603796" y="8912775"/>
            <a:ext cx="3875593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59" name="OTLSHAPE_T_c73a10d8139146c4861f84b30cc7b56a_HorizontalConnector1">
            <a:extLst>
              <a:ext uri="{FF2B5EF4-FFF2-40B4-BE49-F238E27FC236}">
                <a16:creationId xmlns:a16="http://schemas.microsoft.com/office/drawing/2014/main" id="{DB7A50A4-71E2-40E3-A685-B6256308EBC2}"/>
              </a:ext>
            </a:extLst>
          </p:cNvPr>
          <p:cNvCxnSpPr/>
          <p:nvPr>
            <p:custDataLst>
              <p:tags r:id="rId36"/>
            </p:custDataLst>
          </p:nvPr>
        </p:nvCxnSpPr>
        <p:spPr>
          <a:xfrm>
            <a:off x="1871345" y="8585708"/>
            <a:ext cx="4608044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58" name="OTLSHAPE_T_8d1e173ca30748a1b0d91b0978d881dd_HorizontalConnector1">
            <a:extLst>
              <a:ext uri="{FF2B5EF4-FFF2-40B4-BE49-F238E27FC236}">
                <a16:creationId xmlns:a16="http://schemas.microsoft.com/office/drawing/2014/main" id="{A5067A83-EB26-4757-98CB-72666DB2938D}"/>
              </a:ext>
            </a:extLst>
          </p:cNvPr>
          <p:cNvCxnSpPr/>
          <p:nvPr>
            <p:custDataLst>
              <p:tags r:id="rId37"/>
            </p:custDataLst>
          </p:nvPr>
        </p:nvCxnSpPr>
        <p:spPr>
          <a:xfrm>
            <a:off x="1299845" y="8258641"/>
            <a:ext cx="4171167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57" name="OTLSHAPE_T_8e3b5f33b16648639afbf684971dae5f_HorizontalConnector1">
            <a:extLst>
              <a:ext uri="{FF2B5EF4-FFF2-40B4-BE49-F238E27FC236}">
                <a16:creationId xmlns:a16="http://schemas.microsoft.com/office/drawing/2014/main" id="{1984F962-1D45-4E73-B0A5-D66A0A515ED6}"/>
              </a:ext>
            </a:extLst>
          </p:cNvPr>
          <p:cNvCxnSpPr/>
          <p:nvPr>
            <p:custDataLst>
              <p:tags r:id="rId38"/>
            </p:custDataLst>
          </p:nvPr>
        </p:nvCxnSpPr>
        <p:spPr>
          <a:xfrm>
            <a:off x="1180085" y="7961757"/>
            <a:ext cx="4218951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56" name="OTLSHAPE_T_6bed2e37dd864b2fa6570b2f3e405580_HorizontalConnector1">
            <a:extLst>
              <a:ext uri="{FF2B5EF4-FFF2-40B4-BE49-F238E27FC236}">
                <a16:creationId xmlns:a16="http://schemas.microsoft.com/office/drawing/2014/main" id="{B3E941A2-59FE-44C8-9867-047A79A798D6}"/>
              </a:ext>
            </a:extLst>
          </p:cNvPr>
          <p:cNvCxnSpPr/>
          <p:nvPr>
            <p:custDataLst>
              <p:tags r:id="rId39"/>
            </p:custDataLst>
          </p:nvPr>
        </p:nvCxnSpPr>
        <p:spPr>
          <a:xfrm>
            <a:off x="2993305" y="7664873"/>
            <a:ext cx="172895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55" name="OTLSHAPE_T_dab3688283da477aa7c1704574018f57_HorizontalConnector1">
            <a:extLst>
              <a:ext uri="{FF2B5EF4-FFF2-40B4-BE49-F238E27FC236}">
                <a16:creationId xmlns:a16="http://schemas.microsoft.com/office/drawing/2014/main" id="{63871AB8-D5E2-4FE3-82C5-BA5741B29B74}"/>
              </a:ext>
            </a:extLst>
          </p:cNvPr>
          <p:cNvCxnSpPr/>
          <p:nvPr>
            <p:custDataLst>
              <p:tags r:id="rId40"/>
            </p:custDataLst>
          </p:nvPr>
        </p:nvCxnSpPr>
        <p:spPr>
          <a:xfrm>
            <a:off x="2463970" y="7337806"/>
            <a:ext cx="5311955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54" name="OTLSHAPE_T_ae295f3b8cf14b2480415dca8b511b8f_HorizontalConnector1">
            <a:extLst>
              <a:ext uri="{FF2B5EF4-FFF2-40B4-BE49-F238E27FC236}">
                <a16:creationId xmlns:a16="http://schemas.microsoft.com/office/drawing/2014/main" id="{4BC5AC44-3326-4A88-8E3A-753497F95E9E}"/>
              </a:ext>
            </a:extLst>
          </p:cNvPr>
          <p:cNvCxnSpPr/>
          <p:nvPr>
            <p:custDataLst>
              <p:tags r:id="rId41"/>
            </p:custDataLst>
          </p:nvPr>
        </p:nvCxnSpPr>
        <p:spPr>
          <a:xfrm>
            <a:off x="1636606" y="7010739"/>
            <a:ext cx="4770806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" name="OTLSHAPE_T_13fa016881604607b25dc47a98d2af2e_HorizontalConnector1">
            <a:extLst>
              <a:ext uri="{FF2B5EF4-FFF2-40B4-BE49-F238E27FC236}">
                <a16:creationId xmlns:a16="http://schemas.microsoft.com/office/drawing/2014/main" id="{03AC5CE0-8A20-41B4-9809-68FABBD0551C}"/>
              </a:ext>
            </a:extLst>
          </p:cNvPr>
          <p:cNvCxnSpPr/>
          <p:nvPr>
            <p:custDataLst>
              <p:tags r:id="rId42"/>
            </p:custDataLst>
          </p:nvPr>
        </p:nvCxnSpPr>
        <p:spPr>
          <a:xfrm>
            <a:off x="1051983" y="6713855"/>
            <a:ext cx="2114217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" name="OTLSHAPE_M_f55b917b18bd4bd6917b2f815bfb89f8_Connector1">
            <a:extLst>
              <a:ext uri="{FF2B5EF4-FFF2-40B4-BE49-F238E27FC236}">
                <a16:creationId xmlns:a16="http://schemas.microsoft.com/office/drawing/2014/main" id="{C578D1E5-DE9A-423F-BF20-A74C98A9AF4B}"/>
              </a:ext>
            </a:extLst>
          </p:cNvPr>
          <p:cNvCxnSpPr/>
          <p:nvPr>
            <p:custDataLst>
              <p:tags r:id="rId43"/>
            </p:custDataLst>
          </p:nvPr>
        </p:nvCxnSpPr>
        <p:spPr>
          <a:xfrm>
            <a:off x="19882800" y="5272828"/>
            <a:ext cx="0" cy="442172"/>
          </a:xfrm>
          <a:prstGeom prst="line">
            <a:avLst/>
          </a:prstGeom>
          <a:ln w="9525" cap="flat" cmpd="sng" algn="ctr">
            <a:solidFill>
              <a:srgbClr val="1F497E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9" name="OTLSHAPE_M_a3adcfb517044adba4fc2812c41f5fe1_Connector1">
            <a:extLst>
              <a:ext uri="{FF2B5EF4-FFF2-40B4-BE49-F238E27FC236}">
                <a16:creationId xmlns:a16="http://schemas.microsoft.com/office/drawing/2014/main" id="{09E21747-6CD6-49CD-88CE-DD2214955190}"/>
              </a:ext>
            </a:extLst>
          </p:cNvPr>
          <p:cNvCxnSpPr/>
          <p:nvPr>
            <p:custDataLst>
              <p:tags r:id="rId44"/>
            </p:custDataLst>
          </p:nvPr>
        </p:nvCxnSpPr>
        <p:spPr>
          <a:xfrm>
            <a:off x="16353479" y="5272828"/>
            <a:ext cx="0" cy="442172"/>
          </a:xfrm>
          <a:prstGeom prst="line">
            <a:avLst/>
          </a:prstGeom>
          <a:ln w="9525" cap="flat" cmpd="sng" algn="ctr">
            <a:solidFill>
              <a:srgbClr val="1F497E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8" name="OTLSHAPE_M_b21e9003f6ee4ba3bc0dc2526974d6a8_Connector1">
            <a:extLst>
              <a:ext uri="{FF2B5EF4-FFF2-40B4-BE49-F238E27FC236}">
                <a16:creationId xmlns:a16="http://schemas.microsoft.com/office/drawing/2014/main" id="{05396CF4-6D9C-422B-A840-F94F6E662852}"/>
              </a:ext>
            </a:extLst>
          </p:cNvPr>
          <p:cNvCxnSpPr/>
          <p:nvPr>
            <p:custDataLst>
              <p:tags r:id="rId45"/>
            </p:custDataLst>
          </p:nvPr>
        </p:nvCxnSpPr>
        <p:spPr>
          <a:xfrm>
            <a:off x="14048618" y="5272828"/>
            <a:ext cx="0" cy="442172"/>
          </a:xfrm>
          <a:prstGeom prst="line">
            <a:avLst/>
          </a:prstGeom>
          <a:ln w="9525" cap="flat" cmpd="sng" algn="ctr">
            <a:solidFill>
              <a:srgbClr val="1F497E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7" name="OTLSHAPE_M_7a0ca78d783a48abba646be222138832_Connector1">
            <a:extLst>
              <a:ext uri="{FF2B5EF4-FFF2-40B4-BE49-F238E27FC236}">
                <a16:creationId xmlns:a16="http://schemas.microsoft.com/office/drawing/2014/main" id="{FA6F0ECB-AB99-459F-A36F-5A977F1DB038}"/>
              </a:ext>
            </a:extLst>
          </p:cNvPr>
          <p:cNvCxnSpPr/>
          <p:nvPr>
            <p:custDataLst>
              <p:tags r:id="rId46"/>
            </p:custDataLst>
          </p:nvPr>
        </p:nvCxnSpPr>
        <p:spPr>
          <a:xfrm>
            <a:off x="11887810" y="5272828"/>
            <a:ext cx="0" cy="442172"/>
          </a:xfrm>
          <a:prstGeom prst="line">
            <a:avLst/>
          </a:prstGeom>
          <a:ln w="9525" cap="flat" cmpd="sng" algn="ctr">
            <a:solidFill>
              <a:srgbClr val="1F497E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6" name="OTLSHAPE_M_07a790c9955449269ff5b0bd8598fc1e_Connector1">
            <a:extLst>
              <a:ext uri="{FF2B5EF4-FFF2-40B4-BE49-F238E27FC236}">
                <a16:creationId xmlns:a16="http://schemas.microsoft.com/office/drawing/2014/main" id="{8F937793-06D4-48CC-A43F-23565CC3EBAA}"/>
              </a:ext>
            </a:extLst>
          </p:cNvPr>
          <p:cNvCxnSpPr/>
          <p:nvPr>
            <p:custDataLst>
              <p:tags r:id="rId47"/>
            </p:custDataLst>
          </p:nvPr>
        </p:nvCxnSpPr>
        <p:spPr>
          <a:xfrm>
            <a:off x="7566193" y="5272828"/>
            <a:ext cx="0" cy="442172"/>
          </a:xfrm>
          <a:prstGeom prst="line">
            <a:avLst/>
          </a:prstGeom>
          <a:ln w="9525" cap="flat" cmpd="sng" algn="ctr">
            <a:solidFill>
              <a:srgbClr val="1F497E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" name="OTLSHAPE_M_e1e9079c800f4401bfd5ca365aecf728_Connector1">
            <a:extLst>
              <a:ext uri="{FF2B5EF4-FFF2-40B4-BE49-F238E27FC236}">
                <a16:creationId xmlns:a16="http://schemas.microsoft.com/office/drawing/2014/main" id="{3E194FE1-6386-417A-8FB7-7D7DED94F361}"/>
              </a:ext>
            </a:extLst>
          </p:cNvPr>
          <p:cNvCxnSpPr/>
          <p:nvPr>
            <p:custDataLst>
              <p:tags r:id="rId48"/>
            </p:custDataLst>
          </p:nvPr>
        </p:nvCxnSpPr>
        <p:spPr>
          <a:xfrm>
            <a:off x="939715" y="5272828"/>
            <a:ext cx="0" cy="442172"/>
          </a:xfrm>
          <a:prstGeom prst="line">
            <a:avLst/>
          </a:prstGeom>
          <a:ln w="9525" cap="flat" cmpd="sng" algn="ctr">
            <a:solidFill>
              <a:srgbClr val="1F497E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" name="OTLSHAPE_TB_00000000000000000000000000000000_LeftEndCaps">
            <a:extLst>
              <a:ext uri="{FF2B5EF4-FFF2-40B4-BE49-F238E27FC236}">
                <a16:creationId xmlns:a16="http://schemas.microsoft.com/office/drawing/2014/main" id="{E3523F6B-6773-4F34-8FE7-C639AE137970}"/>
              </a:ext>
            </a:extLst>
          </p:cNvPr>
          <p:cNvSpPr txBox="1"/>
          <p:nvPr>
            <p:custDataLst>
              <p:tags r:id="rId49"/>
            </p:custDataLst>
          </p:nvPr>
        </p:nvSpPr>
        <p:spPr>
          <a:xfrm>
            <a:off x="317500" y="5765969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GB" b="1" spc="-38">
                <a:solidFill>
                  <a:schemeClr val="accent2"/>
                </a:solidFill>
                <a:latin typeface="Calibri" panose="020F0502020204030204" pitchFamily="34" charset="0"/>
              </a:rPr>
              <a:t>2019</a:t>
            </a:r>
          </a:p>
        </p:txBody>
      </p:sp>
      <p:sp>
        <p:nvSpPr>
          <p:cNvPr id="3" name="OTLSHAPE_TB_00000000000000000000000000000000_RightEndCaps">
            <a:extLst>
              <a:ext uri="{FF2B5EF4-FFF2-40B4-BE49-F238E27FC236}">
                <a16:creationId xmlns:a16="http://schemas.microsoft.com/office/drawing/2014/main" id="{05F581E3-286E-417A-A682-084D87F8B7A1}"/>
              </a:ext>
            </a:extLst>
          </p:cNvPr>
          <p:cNvSpPr txBox="1"/>
          <p:nvPr>
            <p:custDataLst>
              <p:tags r:id="rId50"/>
            </p:custDataLst>
          </p:nvPr>
        </p:nvSpPr>
        <p:spPr>
          <a:xfrm>
            <a:off x="20893173" y="5765969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GB" b="1" spc="-38">
                <a:solidFill>
                  <a:schemeClr val="accent2"/>
                </a:solidFill>
                <a:latin typeface="Calibri" panose="020F0502020204030204" pitchFamily="34" charset="0"/>
              </a:rPr>
              <a:t>2020</a:t>
            </a:r>
          </a:p>
        </p:txBody>
      </p:sp>
      <p:sp>
        <p:nvSpPr>
          <p:cNvPr id="4" name="OTLSHAPE_TB_00000000000000000000000000000000_ScaleContainer">
            <a:extLst>
              <a:ext uri="{FF2B5EF4-FFF2-40B4-BE49-F238E27FC236}">
                <a16:creationId xmlns:a16="http://schemas.microsoft.com/office/drawing/2014/main" id="{16A3C1FD-84C0-4375-9608-3B91D4034B5B}"/>
              </a:ext>
            </a:extLst>
          </p:cNvPr>
          <p:cNvSpPr/>
          <p:nvPr>
            <p:custDataLst>
              <p:tags r:id="rId51"/>
            </p:custDataLst>
          </p:nvPr>
        </p:nvSpPr>
        <p:spPr>
          <a:xfrm>
            <a:off x="933365" y="5715000"/>
            <a:ext cx="19812000" cy="381000"/>
          </a:xfrm>
          <a:prstGeom prst="rect">
            <a:avLst/>
          </a:prstGeom>
          <a:gradFill flip="none" rotWithShape="1">
            <a:gsLst>
              <a:gs pos="0">
                <a:srgbClr val="44546A"/>
              </a:gs>
              <a:gs pos="0">
                <a:schemeClr val="dk2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" name="OTLSHAPE_TB_00000000000000000000000000000000_ElapsedTime">
            <a:extLst>
              <a:ext uri="{FF2B5EF4-FFF2-40B4-BE49-F238E27FC236}">
                <a16:creationId xmlns:a16="http://schemas.microsoft.com/office/drawing/2014/main" id="{C8146025-70A1-447C-BC1F-8E9D48673C75}"/>
              </a:ext>
            </a:extLst>
          </p:cNvPr>
          <p:cNvSpPr/>
          <p:nvPr>
            <p:custDataLst>
              <p:tags r:id="rId52"/>
            </p:custDataLst>
          </p:nvPr>
        </p:nvSpPr>
        <p:spPr>
          <a:xfrm>
            <a:off x="933365" y="6019800"/>
            <a:ext cx="12649200" cy="76200"/>
          </a:xfrm>
          <a:prstGeom prst="rect">
            <a:avLst/>
          </a:prstGeom>
          <a:solidFill>
            <a:srgbClr val="FF0000">
              <a:alpha val="74902"/>
            </a:srgb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>
              <a:rot lat="0" lon="0" rev="0"/>
            </a:lightRig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" name="OTLSHAPE_TB_00000000000000000000000000000000_TodayMarkerShape">
            <a:extLst>
              <a:ext uri="{FF2B5EF4-FFF2-40B4-BE49-F238E27FC236}">
                <a16:creationId xmlns:a16="http://schemas.microsoft.com/office/drawing/2014/main" id="{A2340C3C-9E2C-4259-954C-9A662BD06B6A}"/>
              </a:ext>
            </a:extLst>
          </p:cNvPr>
          <p:cNvSpPr/>
          <p:nvPr>
            <p:custDataLst>
              <p:tags r:id="rId53"/>
            </p:custDataLst>
          </p:nvPr>
        </p:nvSpPr>
        <p:spPr>
          <a:xfrm>
            <a:off x="13526553" y="6096000"/>
            <a:ext cx="114300" cy="12700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7" name="OTLSHAPE_TB_00000000000000000000000000000000_TodayMarkerText">
            <a:extLst>
              <a:ext uri="{FF2B5EF4-FFF2-40B4-BE49-F238E27FC236}">
                <a16:creationId xmlns:a16="http://schemas.microsoft.com/office/drawing/2014/main" id="{294BA829-E84A-4428-8E4C-67ADB875E629}"/>
              </a:ext>
            </a:extLst>
          </p:cNvPr>
          <p:cNvSpPr txBox="1"/>
          <p:nvPr>
            <p:custDataLst>
              <p:tags r:id="rId54"/>
            </p:custDataLst>
          </p:nvPr>
        </p:nvSpPr>
        <p:spPr>
          <a:xfrm>
            <a:off x="13392958" y="6223000"/>
            <a:ext cx="3810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GB" sz="1200" spc="-14">
                <a:solidFill>
                  <a:schemeClr val="dk1"/>
                </a:solidFill>
                <a:latin typeface="Calibri" panose="020F0502020204030204" pitchFamily="34" charset="0"/>
              </a:rPr>
              <a:t>Heute</a:t>
            </a:r>
          </a:p>
        </p:txBody>
      </p:sp>
      <p:sp>
        <p:nvSpPr>
          <p:cNvPr id="8" name="OTLSHAPE_TB_00000000000000000000000000000000_TimescaleInterval1">
            <a:extLst>
              <a:ext uri="{FF2B5EF4-FFF2-40B4-BE49-F238E27FC236}">
                <a16:creationId xmlns:a16="http://schemas.microsoft.com/office/drawing/2014/main" id="{11087FED-3895-44F8-8A6D-0BC398826732}"/>
              </a:ext>
            </a:extLst>
          </p:cNvPr>
          <p:cNvSpPr txBox="1"/>
          <p:nvPr>
            <p:custDataLst>
              <p:tags r:id="rId55"/>
            </p:custDataLst>
          </p:nvPr>
        </p:nvSpPr>
        <p:spPr>
          <a:xfrm>
            <a:off x="996865" y="5812472"/>
            <a:ext cx="15818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0">
                <a:solidFill>
                  <a:schemeClr val="lt1"/>
                </a:solidFill>
                <a:latin typeface="Calibri" panose="020F0502020204030204" pitchFamily="34" charset="0"/>
              </a:rPr>
              <a:t>Jul</a:t>
            </a:r>
          </a:p>
        </p:txBody>
      </p:sp>
      <p:cxnSp>
        <p:nvCxnSpPr>
          <p:cNvPr id="9" name="OTLSHAPE_TB_00000000000000000000000000000000_Separator1">
            <a:extLst>
              <a:ext uri="{FF2B5EF4-FFF2-40B4-BE49-F238E27FC236}">
                <a16:creationId xmlns:a16="http://schemas.microsoft.com/office/drawing/2014/main" id="{826BFD3C-E9FF-4E68-A48C-DC00B1864EE1}"/>
              </a:ext>
            </a:extLst>
          </p:cNvPr>
          <p:cNvCxnSpPr/>
          <p:nvPr>
            <p:custDataLst>
              <p:tags r:id="rId56"/>
            </p:custDataLst>
          </p:nvPr>
        </p:nvCxnSpPr>
        <p:spPr>
          <a:xfrm>
            <a:off x="3166200" y="580390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0" name="OTLSHAPE_TB_00000000000000000000000000000000_TimescaleInterval2">
            <a:extLst>
              <a:ext uri="{FF2B5EF4-FFF2-40B4-BE49-F238E27FC236}">
                <a16:creationId xmlns:a16="http://schemas.microsoft.com/office/drawing/2014/main" id="{2E7128B1-C72C-4924-8296-B4ED57707127}"/>
              </a:ext>
            </a:extLst>
          </p:cNvPr>
          <p:cNvSpPr txBox="1"/>
          <p:nvPr>
            <p:custDataLst>
              <p:tags r:id="rId57"/>
            </p:custDataLst>
          </p:nvPr>
        </p:nvSpPr>
        <p:spPr>
          <a:xfrm>
            <a:off x="3229700" y="5812472"/>
            <a:ext cx="2413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0">
                <a:solidFill>
                  <a:schemeClr val="lt1"/>
                </a:solidFill>
                <a:latin typeface="Calibri" panose="020F0502020204030204" pitchFamily="34" charset="0"/>
              </a:rPr>
              <a:t>Aug</a:t>
            </a:r>
          </a:p>
        </p:txBody>
      </p:sp>
      <p:cxnSp>
        <p:nvCxnSpPr>
          <p:cNvPr id="11" name="OTLSHAPE_TB_00000000000000000000000000000000_Separator2">
            <a:extLst>
              <a:ext uri="{FF2B5EF4-FFF2-40B4-BE49-F238E27FC236}">
                <a16:creationId xmlns:a16="http://schemas.microsoft.com/office/drawing/2014/main" id="{D2D171A6-9CF2-41FA-B8CE-4B0FD1DA5CD0}"/>
              </a:ext>
            </a:extLst>
          </p:cNvPr>
          <p:cNvCxnSpPr/>
          <p:nvPr>
            <p:custDataLst>
              <p:tags r:id="rId58"/>
            </p:custDataLst>
          </p:nvPr>
        </p:nvCxnSpPr>
        <p:spPr>
          <a:xfrm>
            <a:off x="5399034" y="580390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" name="OTLSHAPE_TB_00000000000000000000000000000000_TimescaleInterval3">
            <a:extLst>
              <a:ext uri="{FF2B5EF4-FFF2-40B4-BE49-F238E27FC236}">
                <a16:creationId xmlns:a16="http://schemas.microsoft.com/office/drawing/2014/main" id="{8B7E02DA-494E-47D9-A960-D78992DBF341}"/>
              </a:ext>
            </a:extLst>
          </p:cNvPr>
          <p:cNvSpPr txBox="1"/>
          <p:nvPr>
            <p:custDataLst>
              <p:tags r:id="rId59"/>
            </p:custDataLst>
          </p:nvPr>
        </p:nvSpPr>
        <p:spPr>
          <a:xfrm>
            <a:off x="5462536" y="5812472"/>
            <a:ext cx="2286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18">
                <a:solidFill>
                  <a:schemeClr val="lt1"/>
                </a:solidFill>
                <a:latin typeface="Calibri" panose="020F0502020204030204" pitchFamily="34" charset="0"/>
              </a:rPr>
              <a:t>Sep</a:t>
            </a:r>
          </a:p>
        </p:txBody>
      </p:sp>
      <p:cxnSp>
        <p:nvCxnSpPr>
          <p:cNvPr id="13" name="OTLSHAPE_TB_00000000000000000000000000000000_Separator3">
            <a:extLst>
              <a:ext uri="{FF2B5EF4-FFF2-40B4-BE49-F238E27FC236}">
                <a16:creationId xmlns:a16="http://schemas.microsoft.com/office/drawing/2014/main" id="{7D3E291F-E726-48FF-AB90-B9BE1566F566}"/>
              </a:ext>
            </a:extLst>
          </p:cNvPr>
          <p:cNvCxnSpPr/>
          <p:nvPr>
            <p:custDataLst>
              <p:tags r:id="rId60"/>
            </p:custDataLst>
          </p:nvPr>
        </p:nvCxnSpPr>
        <p:spPr>
          <a:xfrm>
            <a:off x="7559842" y="580390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4" name="OTLSHAPE_TB_00000000000000000000000000000000_TimescaleInterval4">
            <a:extLst>
              <a:ext uri="{FF2B5EF4-FFF2-40B4-BE49-F238E27FC236}">
                <a16:creationId xmlns:a16="http://schemas.microsoft.com/office/drawing/2014/main" id="{28B1679E-F0B6-4C66-985F-2E8F27B3A989}"/>
              </a:ext>
            </a:extLst>
          </p:cNvPr>
          <p:cNvSpPr txBox="1"/>
          <p:nvPr>
            <p:custDataLst>
              <p:tags r:id="rId61"/>
            </p:custDataLst>
          </p:nvPr>
        </p:nvSpPr>
        <p:spPr>
          <a:xfrm>
            <a:off x="7623343" y="5812472"/>
            <a:ext cx="219804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2">
                <a:solidFill>
                  <a:schemeClr val="lt1"/>
                </a:solidFill>
                <a:latin typeface="Calibri" panose="020F0502020204030204" pitchFamily="34" charset="0"/>
              </a:rPr>
              <a:t>Okt</a:t>
            </a:r>
          </a:p>
        </p:txBody>
      </p:sp>
      <p:cxnSp>
        <p:nvCxnSpPr>
          <p:cNvPr id="15" name="OTLSHAPE_TB_00000000000000000000000000000000_Separator4">
            <a:extLst>
              <a:ext uri="{FF2B5EF4-FFF2-40B4-BE49-F238E27FC236}">
                <a16:creationId xmlns:a16="http://schemas.microsoft.com/office/drawing/2014/main" id="{0D4331B9-C3F7-4B4E-864A-7E8D06484FAC}"/>
              </a:ext>
            </a:extLst>
          </p:cNvPr>
          <p:cNvCxnSpPr/>
          <p:nvPr>
            <p:custDataLst>
              <p:tags r:id="rId62"/>
            </p:custDataLst>
          </p:nvPr>
        </p:nvCxnSpPr>
        <p:spPr>
          <a:xfrm>
            <a:off x="9792677" y="580390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6" name="OTLSHAPE_TB_00000000000000000000000000000000_TimescaleInterval5">
            <a:extLst>
              <a:ext uri="{FF2B5EF4-FFF2-40B4-BE49-F238E27FC236}">
                <a16:creationId xmlns:a16="http://schemas.microsoft.com/office/drawing/2014/main" id="{6C76B625-B520-4972-9DDC-5CCAADD45E3E}"/>
              </a:ext>
            </a:extLst>
          </p:cNvPr>
          <p:cNvSpPr txBox="1"/>
          <p:nvPr>
            <p:custDataLst>
              <p:tags r:id="rId63"/>
            </p:custDataLst>
          </p:nvPr>
        </p:nvSpPr>
        <p:spPr>
          <a:xfrm>
            <a:off x="9856178" y="5812472"/>
            <a:ext cx="24397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0">
                <a:solidFill>
                  <a:schemeClr val="lt1"/>
                </a:solidFill>
                <a:latin typeface="Calibri" panose="020F0502020204030204" pitchFamily="34" charset="0"/>
              </a:rPr>
              <a:t>Nov</a:t>
            </a:r>
          </a:p>
        </p:txBody>
      </p:sp>
      <p:cxnSp>
        <p:nvCxnSpPr>
          <p:cNvPr id="17" name="OTLSHAPE_TB_00000000000000000000000000000000_Separator5">
            <a:extLst>
              <a:ext uri="{FF2B5EF4-FFF2-40B4-BE49-F238E27FC236}">
                <a16:creationId xmlns:a16="http://schemas.microsoft.com/office/drawing/2014/main" id="{5194EF1D-D353-41E3-ABC9-95F2B032ACEF}"/>
              </a:ext>
            </a:extLst>
          </p:cNvPr>
          <p:cNvCxnSpPr/>
          <p:nvPr>
            <p:custDataLst>
              <p:tags r:id="rId64"/>
            </p:custDataLst>
          </p:nvPr>
        </p:nvCxnSpPr>
        <p:spPr>
          <a:xfrm>
            <a:off x="11953486" y="580390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8" name="OTLSHAPE_TB_00000000000000000000000000000000_TimescaleInterval6">
            <a:extLst>
              <a:ext uri="{FF2B5EF4-FFF2-40B4-BE49-F238E27FC236}">
                <a16:creationId xmlns:a16="http://schemas.microsoft.com/office/drawing/2014/main" id="{ABADB233-12FC-41F3-BDFB-F5E996EFAF2A}"/>
              </a:ext>
            </a:extLst>
          </p:cNvPr>
          <p:cNvSpPr txBox="1"/>
          <p:nvPr>
            <p:custDataLst>
              <p:tags r:id="rId65"/>
            </p:custDataLst>
          </p:nvPr>
        </p:nvSpPr>
        <p:spPr>
          <a:xfrm>
            <a:off x="12016987" y="5812472"/>
            <a:ext cx="230961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0">
                <a:solidFill>
                  <a:schemeClr val="lt1"/>
                </a:solidFill>
                <a:latin typeface="Calibri" panose="020F0502020204030204" pitchFamily="34" charset="0"/>
              </a:rPr>
              <a:t>Dez</a:t>
            </a:r>
          </a:p>
        </p:txBody>
      </p:sp>
      <p:cxnSp>
        <p:nvCxnSpPr>
          <p:cNvPr id="19" name="OTLSHAPE_TB_00000000000000000000000000000000_Separator6">
            <a:extLst>
              <a:ext uri="{FF2B5EF4-FFF2-40B4-BE49-F238E27FC236}">
                <a16:creationId xmlns:a16="http://schemas.microsoft.com/office/drawing/2014/main" id="{10DBC495-71D6-4E9F-91F6-6CF6B0C63986}"/>
              </a:ext>
            </a:extLst>
          </p:cNvPr>
          <p:cNvCxnSpPr/>
          <p:nvPr>
            <p:custDataLst>
              <p:tags r:id="rId66"/>
            </p:custDataLst>
          </p:nvPr>
        </p:nvCxnSpPr>
        <p:spPr>
          <a:xfrm>
            <a:off x="14186320" y="580390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0" name="OTLSHAPE_TB_00000000000000000000000000000000_TimescaleInterval7">
            <a:extLst>
              <a:ext uri="{FF2B5EF4-FFF2-40B4-BE49-F238E27FC236}">
                <a16:creationId xmlns:a16="http://schemas.microsoft.com/office/drawing/2014/main" id="{D1863AAD-B32D-4B90-990E-BEA4B2EE9E95}"/>
              </a:ext>
            </a:extLst>
          </p:cNvPr>
          <p:cNvSpPr txBox="1"/>
          <p:nvPr>
            <p:custDataLst>
              <p:tags r:id="rId67"/>
            </p:custDataLst>
          </p:nvPr>
        </p:nvSpPr>
        <p:spPr>
          <a:xfrm>
            <a:off x="14249822" y="5812472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0">
                <a:solidFill>
                  <a:schemeClr val="lt1"/>
                </a:solidFill>
                <a:latin typeface="Calibri" panose="020F0502020204030204" pitchFamily="34" charset="0"/>
              </a:rPr>
              <a:t>2020</a:t>
            </a:r>
          </a:p>
        </p:txBody>
      </p:sp>
      <p:cxnSp>
        <p:nvCxnSpPr>
          <p:cNvPr id="21" name="OTLSHAPE_TB_00000000000000000000000000000000_Separator7">
            <a:extLst>
              <a:ext uri="{FF2B5EF4-FFF2-40B4-BE49-F238E27FC236}">
                <a16:creationId xmlns:a16="http://schemas.microsoft.com/office/drawing/2014/main" id="{278028E3-C58B-4A43-A14C-41259A4A2885}"/>
              </a:ext>
            </a:extLst>
          </p:cNvPr>
          <p:cNvCxnSpPr/>
          <p:nvPr>
            <p:custDataLst>
              <p:tags r:id="rId68"/>
            </p:custDataLst>
          </p:nvPr>
        </p:nvCxnSpPr>
        <p:spPr>
          <a:xfrm>
            <a:off x="16419156" y="580390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2" name="OTLSHAPE_TB_00000000000000000000000000000000_TimescaleInterval8">
            <a:extLst>
              <a:ext uri="{FF2B5EF4-FFF2-40B4-BE49-F238E27FC236}">
                <a16:creationId xmlns:a16="http://schemas.microsoft.com/office/drawing/2014/main" id="{7B01BC47-3006-4994-A770-D35065C8CAD5}"/>
              </a:ext>
            </a:extLst>
          </p:cNvPr>
          <p:cNvSpPr txBox="1"/>
          <p:nvPr>
            <p:custDataLst>
              <p:tags r:id="rId69"/>
            </p:custDataLst>
          </p:nvPr>
        </p:nvSpPr>
        <p:spPr>
          <a:xfrm>
            <a:off x="16482657" y="5812472"/>
            <a:ext cx="219227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18">
                <a:solidFill>
                  <a:schemeClr val="lt1"/>
                </a:solidFill>
                <a:latin typeface="Calibri" panose="020F0502020204030204" pitchFamily="34" charset="0"/>
              </a:rPr>
              <a:t>Feb</a:t>
            </a:r>
          </a:p>
        </p:txBody>
      </p:sp>
      <p:cxnSp>
        <p:nvCxnSpPr>
          <p:cNvPr id="23" name="OTLSHAPE_TB_00000000000000000000000000000000_Separator8">
            <a:extLst>
              <a:ext uri="{FF2B5EF4-FFF2-40B4-BE49-F238E27FC236}">
                <a16:creationId xmlns:a16="http://schemas.microsoft.com/office/drawing/2014/main" id="{9D6269FA-FF79-4B97-B038-A450F8FE20F3}"/>
              </a:ext>
            </a:extLst>
          </p:cNvPr>
          <p:cNvCxnSpPr/>
          <p:nvPr>
            <p:custDataLst>
              <p:tags r:id="rId70"/>
            </p:custDataLst>
          </p:nvPr>
        </p:nvCxnSpPr>
        <p:spPr>
          <a:xfrm>
            <a:off x="18507937" y="580390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4" name="OTLSHAPE_TB_00000000000000000000000000000000_TimescaleInterval9">
            <a:extLst>
              <a:ext uri="{FF2B5EF4-FFF2-40B4-BE49-F238E27FC236}">
                <a16:creationId xmlns:a16="http://schemas.microsoft.com/office/drawing/2014/main" id="{BBB8335A-3C16-4A5F-A5D5-B4FFC70CC87F}"/>
              </a:ext>
            </a:extLst>
          </p:cNvPr>
          <p:cNvSpPr txBox="1"/>
          <p:nvPr>
            <p:custDataLst>
              <p:tags r:id="rId71"/>
            </p:custDataLst>
          </p:nvPr>
        </p:nvSpPr>
        <p:spPr>
          <a:xfrm>
            <a:off x="18571439" y="5812472"/>
            <a:ext cx="243721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18">
                <a:solidFill>
                  <a:schemeClr val="lt1"/>
                </a:solidFill>
                <a:latin typeface="Calibri" panose="020F0502020204030204" pitchFamily="34" charset="0"/>
              </a:rPr>
              <a:t>Mrz</a:t>
            </a:r>
          </a:p>
        </p:txBody>
      </p:sp>
      <p:sp>
        <p:nvSpPr>
          <p:cNvPr id="5416" name="OTLSHAPE_M_e1e9079c800f4401bfd5ca365aecf728_Title">
            <a:extLst>
              <a:ext uri="{FF2B5EF4-FFF2-40B4-BE49-F238E27FC236}">
                <a16:creationId xmlns:a16="http://schemas.microsoft.com/office/drawing/2014/main" id="{C844EC9A-E531-4B0C-925F-E83176794E94}"/>
              </a:ext>
            </a:extLst>
          </p:cNvPr>
          <p:cNvSpPr txBox="1"/>
          <p:nvPr>
            <p:custDataLst>
              <p:tags r:id="rId72"/>
            </p:custDataLst>
          </p:nvPr>
        </p:nvSpPr>
        <p:spPr>
          <a:xfrm>
            <a:off x="1161965" y="5160857"/>
            <a:ext cx="698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100" b="1" spc="-8">
                <a:solidFill>
                  <a:schemeClr val="dk1"/>
                </a:solidFill>
                <a:latin typeface="Calibri" panose="020F0502020204030204" pitchFamily="34" charset="0"/>
              </a:rPr>
              <a:t>Projektstart</a:t>
            </a:r>
          </a:p>
        </p:txBody>
      </p:sp>
      <p:sp>
        <p:nvSpPr>
          <p:cNvPr id="5417" name="OTLSHAPE_M_e1e9079c800f4401bfd5ca365aecf728_Date">
            <a:extLst>
              <a:ext uri="{FF2B5EF4-FFF2-40B4-BE49-F238E27FC236}">
                <a16:creationId xmlns:a16="http://schemas.microsoft.com/office/drawing/2014/main" id="{E1F50F21-753F-4A31-88FB-43C6D8109455}"/>
              </a:ext>
            </a:extLst>
          </p:cNvPr>
          <p:cNvSpPr txBox="1"/>
          <p:nvPr>
            <p:custDataLst>
              <p:tags r:id="rId73"/>
            </p:custDataLst>
          </p:nvPr>
        </p:nvSpPr>
        <p:spPr>
          <a:xfrm>
            <a:off x="1161965" y="5344075"/>
            <a:ext cx="495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8">
                <a:solidFill>
                  <a:schemeClr val="dk2"/>
                </a:solidFill>
                <a:latin typeface="Calibri" panose="020F0502020204030204" pitchFamily="34" charset="0"/>
              </a:rPr>
              <a:t>7/1/2019</a:t>
            </a:r>
          </a:p>
        </p:txBody>
      </p:sp>
      <p:sp>
        <p:nvSpPr>
          <p:cNvPr id="5418" name="OTLSHAPE_M_e1e9079c800f4401bfd5ca365aecf728_Shape">
            <a:extLst>
              <a:ext uri="{FF2B5EF4-FFF2-40B4-BE49-F238E27FC236}">
                <a16:creationId xmlns:a16="http://schemas.microsoft.com/office/drawing/2014/main" id="{8B99BD32-4DF6-4151-9E7D-9B0B7E630050}"/>
              </a:ext>
            </a:extLst>
          </p:cNvPr>
          <p:cNvSpPr/>
          <p:nvPr>
            <p:custDataLst>
              <p:tags r:id="rId74"/>
            </p:custDataLst>
          </p:nvPr>
        </p:nvSpPr>
        <p:spPr>
          <a:xfrm rot="16200000">
            <a:off x="965115" y="5272828"/>
            <a:ext cx="165100" cy="165100"/>
          </a:xfrm>
          <a:prstGeom prst="flowChartMerge">
            <a:avLst/>
          </a:prstGeom>
          <a:solidFill>
            <a:srgbClr val="EA161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419" name="OTLSHAPE_M_07a790c9955449269ff5b0bd8598fc1e_Title">
            <a:extLst>
              <a:ext uri="{FF2B5EF4-FFF2-40B4-BE49-F238E27FC236}">
                <a16:creationId xmlns:a16="http://schemas.microsoft.com/office/drawing/2014/main" id="{4CBF974C-2A93-4911-AEF1-FBE38EA825B5}"/>
              </a:ext>
            </a:extLst>
          </p:cNvPr>
          <p:cNvSpPr txBox="1"/>
          <p:nvPr>
            <p:custDataLst>
              <p:tags r:id="rId75"/>
            </p:custDataLst>
          </p:nvPr>
        </p:nvSpPr>
        <p:spPr>
          <a:xfrm>
            <a:off x="7788443" y="5160857"/>
            <a:ext cx="3162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de-DE" sz="1100" b="1" spc="-8">
                <a:solidFill>
                  <a:schemeClr val="dk1"/>
                </a:solidFill>
                <a:latin typeface="Calibri" panose="020F0502020204030204" pitchFamily="34" charset="0"/>
              </a:rPr>
              <a:t>Technische Entscheidungen getroffen + Tools installiert</a:t>
            </a:r>
            <a:endParaRPr lang="en-GB" sz="1100" b="1" spc="-8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420" name="OTLSHAPE_M_07a790c9955449269ff5b0bd8598fc1e_Date">
            <a:extLst>
              <a:ext uri="{FF2B5EF4-FFF2-40B4-BE49-F238E27FC236}">
                <a16:creationId xmlns:a16="http://schemas.microsoft.com/office/drawing/2014/main" id="{071A4223-3D20-4992-819D-A89F10C2C620}"/>
              </a:ext>
            </a:extLst>
          </p:cNvPr>
          <p:cNvSpPr txBox="1"/>
          <p:nvPr>
            <p:custDataLst>
              <p:tags r:id="rId76"/>
            </p:custDataLst>
          </p:nvPr>
        </p:nvSpPr>
        <p:spPr>
          <a:xfrm>
            <a:off x="7788443" y="5344075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8">
                <a:solidFill>
                  <a:schemeClr val="dk2"/>
                </a:solidFill>
                <a:latin typeface="Calibri" panose="020F0502020204030204" pitchFamily="34" charset="0"/>
              </a:rPr>
              <a:t>10/1/2019</a:t>
            </a:r>
          </a:p>
        </p:txBody>
      </p:sp>
      <p:sp>
        <p:nvSpPr>
          <p:cNvPr id="5421" name="OTLSHAPE_M_07a790c9955449269ff5b0bd8598fc1e_Shape">
            <a:extLst>
              <a:ext uri="{FF2B5EF4-FFF2-40B4-BE49-F238E27FC236}">
                <a16:creationId xmlns:a16="http://schemas.microsoft.com/office/drawing/2014/main" id="{40334F92-C079-40FC-95AD-8CB3B422DEA5}"/>
              </a:ext>
            </a:extLst>
          </p:cNvPr>
          <p:cNvSpPr/>
          <p:nvPr>
            <p:custDataLst>
              <p:tags r:id="rId77"/>
            </p:custDataLst>
          </p:nvPr>
        </p:nvSpPr>
        <p:spPr>
          <a:xfrm rot="16200000">
            <a:off x="7591593" y="5272828"/>
            <a:ext cx="165100" cy="165100"/>
          </a:xfrm>
          <a:prstGeom prst="flowChartMerge">
            <a:avLst/>
          </a:prstGeom>
          <a:solidFill>
            <a:srgbClr val="EA161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422" name="OTLSHAPE_M_7a0ca78d783a48abba646be222138832_Title">
            <a:extLst>
              <a:ext uri="{FF2B5EF4-FFF2-40B4-BE49-F238E27FC236}">
                <a16:creationId xmlns:a16="http://schemas.microsoft.com/office/drawing/2014/main" id="{8942973E-84AE-46EF-B7D4-798795303097}"/>
              </a:ext>
            </a:extLst>
          </p:cNvPr>
          <p:cNvSpPr txBox="1"/>
          <p:nvPr>
            <p:custDataLst>
              <p:tags r:id="rId78"/>
            </p:custDataLst>
          </p:nvPr>
        </p:nvSpPr>
        <p:spPr>
          <a:xfrm>
            <a:off x="12110060" y="5160857"/>
            <a:ext cx="1854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100" b="1" spc="-2">
                <a:solidFill>
                  <a:schemeClr val="dk1"/>
                </a:solidFill>
                <a:latin typeface="Calibri" panose="020F0502020204030204" pitchFamily="34" charset="0"/>
              </a:rPr>
              <a:t>AdobeXD Prototyp + Datenbank</a:t>
            </a:r>
          </a:p>
        </p:txBody>
      </p:sp>
      <p:sp>
        <p:nvSpPr>
          <p:cNvPr id="5423" name="OTLSHAPE_M_7a0ca78d783a48abba646be222138832_Date">
            <a:extLst>
              <a:ext uri="{FF2B5EF4-FFF2-40B4-BE49-F238E27FC236}">
                <a16:creationId xmlns:a16="http://schemas.microsoft.com/office/drawing/2014/main" id="{14FEB131-9924-49F6-A937-2CCAE3B4F7DA}"/>
              </a:ext>
            </a:extLst>
          </p:cNvPr>
          <p:cNvSpPr txBox="1"/>
          <p:nvPr>
            <p:custDataLst>
              <p:tags r:id="rId79"/>
            </p:custDataLst>
          </p:nvPr>
        </p:nvSpPr>
        <p:spPr>
          <a:xfrm>
            <a:off x="12110060" y="5344075"/>
            <a:ext cx="622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8">
                <a:solidFill>
                  <a:schemeClr val="dk2"/>
                </a:solidFill>
                <a:latin typeface="Calibri" panose="020F0502020204030204" pitchFamily="34" charset="0"/>
              </a:rPr>
              <a:t>11/30/2019</a:t>
            </a:r>
          </a:p>
        </p:txBody>
      </p:sp>
      <p:sp>
        <p:nvSpPr>
          <p:cNvPr id="5424" name="OTLSHAPE_M_7a0ca78d783a48abba646be222138832_Shape">
            <a:extLst>
              <a:ext uri="{FF2B5EF4-FFF2-40B4-BE49-F238E27FC236}">
                <a16:creationId xmlns:a16="http://schemas.microsoft.com/office/drawing/2014/main" id="{3F64323C-DAE5-46D2-9D5C-28BE4FDBC1D8}"/>
              </a:ext>
            </a:extLst>
          </p:cNvPr>
          <p:cNvSpPr/>
          <p:nvPr>
            <p:custDataLst>
              <p:tags r:id="rId80"/>
            </p:custDataLst>
          </p:nvPr>
        </p:nvSpPr>
        <p:spPr>
          <a:xfrm rot="16200000">
            <a:off x="11913210" y="5272828"/>
            <a:ext cx="165100" cy="165100"/>
          </a:xfrm>
          <a:prstGeom prst="flowChartMerge">
            <a:avLst/>
          </a:prstGeom>
          <a:solidFill>
            <a:srgbClr val="EA161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425" name="OTLSHAPE_M_b21e9003f6ee4ba3bc0dc2526974d6a8_Title">
            <a:extLst>
              <a:ext uri="{FF2B5EF4-FFF2-40B4-BE49-F238E27FC236}">
                <a16:creationId xmlns:a16="http://schemas.microsoft.com/office/drawing/2014/main" id="{F6431B38-2637-40EC-AFDF-12D890A755C6}"/>
              </a:ext>
            </a:extLst>
          </p:cNvPr>
          <p:cNvSpPr txBox="1"/>
          <p:nvPr>
            <p:custDataLst>
              <p:tags r:id="rId81"/>
            </p:custDataLst>
          </p:nvPr>
        </p:nvSpPr>
        <p:spPr>
          <a:xfrm>
            <a:off x="14270868" y="5160857"/>
            <a:ext cx="889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100" b="1" spc="-8">
                <a:solidFill>
                  <a:schemeClr val="dk1"/>
                </a:solidFill>
                <a:latin typeface="Calibri" panose="020F0502020204030204" pitchFamily="34" charset="0"/>
              </a:rPr>
              <a:t>Erster Prototyp</a:t>
            </a:r>
          </a:p>
        </p:txBody>
      </p:sp>
      <p:sp>
        <p:nvSpPr>
          <p:cNvPr id="5426" name="OTLSHAPE_M_b21e9003f6ee4ba3bc0dc2526974d6a8_Date">
            <a:extLst>
              <a:ext uri="{FF2B5EF4-FFF2-40B4-BE49-F238E27FC236}">
                <a16:creationId xmlns:a16="http://schemas.microsoft.com/office/drawing/2014/main" id="{F39C42C2-01B8-44E8-9B10-37B5C55202DC}"/>
              </a:ext>
            </a:extLst>
          </p:cNvPr>
          <p:cNvSpPr txBox="1"/>
          <p:nvPr>
            <p:custDataLst>
              <p:tags r:id="rId82"/>
            </p:custDataLst>
          </p:nvPr>
        </p:nvSpPr>
        <p:spPr>
          <a:xfrm>
            <a:off x="14270868" y="5344075"/>
            <a:ext cx="622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8">
                <a:solidFill>
                  <a:schemeClr val="dk2"/>
                </a:solidFill>
                <a:latin typeface="Calibri" panose="020F0502020204030204" pitchFamily="34" charset="0"/>
              </a:rPr>
              <a:t>12/30/2019</a:t>
            </a:r>
          </a:p>
        </p:txBody>
      </p:sp>
      <p:sp>
        <p:nvSpPr>
          <p:cNvPr id="5427" name="OTLSHAPE_M_b21e9003f6ee4ba3bc0dc2526974d6a8_Shape">
            <a:extLst>
              <a:ext uri="{FF2B5EF4-FFF2-40B4-BE49-F238E27FC236}">
                <a16:creationId xmlns:a16="http://schemas.microsoft.com/office/drawing/2014/main" id="{29E2ADC9-EE99-49E6-AB1D-ADA3EA3F55C1}"/>
              </a:ext>
            </a:extLst>
          </p:cNvPr>
          <p:cNvSpPr/>
          <p:nvPr>
            <p:custDataLst>
              <p:tags r:id="rId83"/>
            </p:custDataLst>
          </p:nvPr>
        </p:nvSpPr>
        <p:spPr>
          <a:xfrm rot="16200000">
            <a:off x="14074018" y="5272828"/>
            <a:ext cx="165100" cy="165100"/>
          </a:xfrm>
          <a:prstGeom prst="flowChartMerge">
            <a:avLst/>
          </a:prstGeom>
          <a:solidFill>
            <a:srgbClr val="EA161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428" name="OTLSHAPE_M_a3adcfb517044adba4fc2812c41f5fe1_Title">
            <a:extLst>
              <a:ext uri="{FF2B5EF4-FFF2-40B4-BE49-F238E27FC236}">
                <a16:creationId xmlns:a16="http://schemas.microsoft.com/office/drawing/2014/main" id="{586A4F02-AE41-4F74-9A56-CC1FE26D8FA2}"/>
              </a:ext>
            </a:extLst>
          </p:cNvPr>
          <p:cNvSpPr txBox="1"/>
          <p:nvPr>
            <p:custDataLst>
              <p:tags r:id="rId84"/>
            </p:custDataLst>
          </p:nvPr>
        </p:nvSpPr>
        <p:spPr>
          <a:xfrm>
            <a:off x="16575729" y="5160857"/>
            <a:ext cx="1308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100" b="1" spc="-8">
                <a:solidFill>
                  <a:schemeClr val="dk1"/>
                </a:solidFill>
                <a:latin typeface="Calibri" panose="020F0502020204030204" pitchFamily="34" charset="0"/>
              </a:rPr>
              <a:t>Vollständiger Prototyp</a:t>
            </a:r>
          </a:p>
        </p:txBody>
      </p:sp>
      <p:sp>
        <p:nvSpPr>
          <p:cNvPr id="5429" name="OTLSHAPE_M_a3adcfb517044adba4fc2812c41f5fe1_Date">
            <a:extLst>
              <a:ext uri="{FF2B5EF4-FFF2-40B4-BE49-F238E27FC236}">
                <a16:creationId xmlns:a16="http://schemas.microsoft.com/office/drawing/2014/main" id="{6C6E1326-19A4-4EA2-85A3-1618B133A4B3}"/>
              </a:ext>
            </a:extLst>
          </p:cNvPr>
          <p:cNvSpPr txBox="1"/>
          <p:nvPr>
            <p:custDataLst>
              <p:tags r:id="rId85"/>
            </p:custDataLst>
          </p:nvPr>
        </p:nvSpPr>
        <p:spPr>
          <a:xfrm>
            <a:off x="16575729" y="5344075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8">
                <a:solidFill>
                  <a:schemeClr val="dk2"/>
                </a:solidFill>
                <a:latin typeface="Calibri" panose="020F0502020204030204" pitchFamily="34" charset="0"/>
              </a:rPr>
              <a:t>1/31/2020</a:t>
            </a:r>
          </a:p>
        </p:txBody>
      </p:sp>
      <p:sp>
        <p:nvSpPr>
          <p:cNvPr id="5430" name="OTLSHAPE_M_a3adcfb517044adba4fc2812c41f5fe1_Shape">
            <a:extLst>
              <a:ext uri="{FF2B5EF4-FFF2-40B4-BE49-F238E27FC236}">
                <a16:creationId xmlns:a16="http://schemas.microsoft.com/office/drawing/2014/main" id="{47703B9E-A94A-427A-BED1-034620387D44}"/>
              </a:ext>
            </a:extLst>
          </p:cNvPr>
          <p:cNvSpPr/>
          <p:nvPr>
            <p:custDataLst>
              <p:tags r:id="rId86"/>
            </p:custDataLst>
          </p:nvPr>
        </p:nvSpPr>
        <p:spPr>
          <a:xfrm rot="16200000">
            <a:off x="16378879" y="5272828"/>
            <a:ext cx="165100" cy="165100"/>
          </a:xfrm>
          <a:prstGeom prst="flowChartMerge">
            <a:avLst/>
          </a:prstGeom>
          <a:solidFill>
            <a:srgbClr val="EA161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431" name="OTLSHAPE_M_f55b917b18bd4bd6917b2f815bfb89f8_Title">
            <a:extLst>
              <a:ext uri="{FF2B5EF4-FFF2-40B4-BE49-F238E27FC236}">
                <a16:creationId xmlns:a16="http://schemas.microsoft.com/office/drawing/2014/main" id="{9B8E5177-22EB-4303-B3D5-59855D2A14BB}"/>
              </a:ext>
            </a:extLst>
          </p:cNvPr>
          <p:cNvSpPr txBox="1"/>
          <p:nvPr>
            <p:custDataLst>
              <p:tags r:id="rId87"/>
            </p:custDataLst>
          </p:nvPr>
        </p:nvSpPr>
        <p:spPr>
          <a:xfrm>
            <a:off x="20105050" y="5160857"/>
            <a:ext cx="977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100" b="1" spc="-4">
                <a:solidFill>
                  <a:schemeClr val="dk1"/>
                </a:solidFill>
                <a:latin typeface="Calibri" panose="020F0502020204030204" pitchFamily="34" charset="0"/>
              </a:rPr>
              <a:t>Projektabschluss</a:t>
            </a:r>
          </a:p>
        </p:txBody>
      </p:sp>
      <p:sp>
        <p:nvSpPr>
          <p:cNvPr id="5432" name="OTLSHAPE_M_f55b917b18bd4bd6917b2f815bfb89f8_Date">
            <a:extLst>
              <a:ext uri="{FF2B5EF4-FFF2-40B4-BE49-F238E27FC236}">
                <a16:creationId xmlns:a16="http://schemas.microsoft.com/office/drawing/2014/main" id="{29C98696-00D0-459E-B681-C8FC84CC4DF9}"/>
              </a:ext>
            </a:extLst>
          </p:cNvPr>
          <p:cNvSpPr txBox="1"/>
          <p:nvPr>
            <p:custDataLst>
              <p:tags r:id="rId88"/>
            </p:custDataLst>
          </p:nvPr>
        </p:nvSpPr>
        <p:spPr>
          <a:xfrm>
            <a:off x="20105050" y="5344075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8">
                <a:solidFill>
                  <a:schemeClr val="dk2"/>
                </a:solidFill>
                <a:latin typeface="Calibri" panose="020F0502020204030204" pitchFamily="34" charset="0"/>
              </a:rPr>
              <a:t>3/20/2020</a:t>
            </a:r>
          </a:p>
        </p:txBody>
      </p:sp>
      <p:sp>
        <p:nvSpPr>
          <p:cNvPr id="5433" name="OTLSHAPE_M_f55b917b18bd4bd6917b2f815bfb89f8_Shape">
            <a:extLst>
              <a:ext uri="{FF2B5EF4-FFF2-40B4-BE49-F238E27FC236}">
                <a16:creationId xmlns:a16="http://schemas.microsoft.com/office/drawing/2014/main" id="{FAE20358-0288-4D22-8D85-C3741319391D}"/>
              </a:ext>
            </a:extLst>
          </p:cNvPr>
          <p:cNvSpPr/>
          <p:nvPr>
            <p:custDataLst>
              <p:tags r:id="rId89"/>
            </p:custDataLst>
          </p:nvPr>
        </p:nvSpPr>
        <p:spPr>
          <a:xfrm rot="16200000">
            <a:off x="19908200" y="5272828"/>
            <a:ext cx="165100" cy="165100"/>
          </a:xfrm>
          <a:prstGeom prst="flowChartMerge">
            <a:avLst/>
          </a:prstGeom>
          <a:solidFill>
            <a:srgbClr val="EA161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434" name="OTLSHAPE_T_13fa016881604607b25dc47a98d2af2e_Shape">
            <a:extLst>
              <a:ext uri="{FF2B5EF4-FFF2-40B4-BE49-F238E27FC236}">
                <a16:creationId xmlns:a16="http://schemas.microsoft.com/office/drawing/2014/main" id="{2A95CB4C-B9C6-4A93-8368-D3956F30EED9}"/>
              </a:ext>
            </a:extLst>
          </p:cNvPr>
          <p:cNvSpPr/>
          <p:nvPr>
            <p:custDataLst>
              <p:tags r:id="rId90"/>
            </p:custDataLst>
          </p:nvPr>
        </p:nvSpPr>
        <p:spPr>
          <a:xfrm>
            <a:off x="3166200" y="6612255"/>
            <a:ext cx="4902200" cy="203200"/>
          </a:xfrm>
          <a:prstGeom prst="rect">
            <a:avLst/>
          </a:prstGeom>
          <a:solidFill>
            <a:srgbClr val="2F3699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435" name="OTLSHAPE_T_13fa016881604607b25dc47a98d2af2e_ShapePercentage" hidden="1">
            <a:extLst>
              <a:ext uri="{FF2B5EF4-FFF2-40B4-BE49-F238E27FC236}">
                <a16:creationId xmlns:a16="http://schemas.microsoft.com/office/drawing/2014/main" id="{3BCF01BF-6AD6-4CC1-A160-23A6FFD8A17A}"/>
              </a:ext>
            </a:extLst>
          </p:cNvPr>
          <p:cNvSpPr/>
          <p:nvPr>
            <p:custDataLst>
              <p:tags r:id="rId91"/>
            </p:custDataLst>
          </p:nvPr>
        </p:nvSpPr>
        <p:spPr>
          <a:xfrm>
            <a:off x="3166200" y="661225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436" name="OTLSHAPE_T_13fa016881604607b25dc47a98d2af2e_Duration" hidden="1">
            <a:extLst>
              <a:ext uri="{FF2B5EF4-FFF2-40B4-BE49-F238E27FC236}">
                <a16:creationId xmlns:a16="http://schemas.microsoft.com/office/drawing/2014/main" id="{44F519FB-724B-4A62-8052-EC20B9B79188}"/>
              </a:ext>
            </a:extLst>
          </p:cNvPr>
          <p:cNvSpPr txBox="1"/>
          <p:nvPr>
            <p:custDataLst>
              <p:tags r:id="rId92"/>
            </p:custDataLst>
          </p:nvPr>
        </p:nvSpPr>
        <p:spPr>
          <a:xfrm>
            <a:off x="0" y="6612255"/>
            <a:ext cx="3937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68 Tage</a:t>
            </a:r>
          </a:p>
        </p:txBody>
      </p:sp>
      <p:sp>
        <p:nvSpPr>
          <p:cNvPr id="5437" name="OTLSHAPE_T_13fa016881604607b25dc47a98d2af2e_TextPercentage" hidden="1">
            <a:extLst>
              <a:ext uri="{FF2B5EF4-FFF2-40B4-BE49-F238E27FC236}">
                <a16:creationId xmlns:a16="http://schemas.microsoft.com/office/drawing/2014/main" id="{1858B6E6-5E03-4D95-91F9-EAE9243B0BB6}"/>
              </a:ext>
            </a:extLst>
          </p:cNvPr>
          <p:cNvSpPr txBox="1"/>
          <p:nvPr>
            <p:custDataLst>
              <p:tags r:id="rId93"/>
            </p:custDataLst>
          </p:nvPr>
        </p:nvSpPr>
        <p:spPr>
          <a:xfrm>
            <a:off x="0" y="67672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5438" name="OTLSHAPE_T_13fa016881604607b25dc47a98d2af2e_StartDate" hidden="1">
            <a:extLst>
              <a:ext uri="{FF2B5EF4-FFF2-40B4-BE49-F238E27FC236}">
                <a16:creationId xmlns:a16="http://schemas.microsoft.com/office/drawing/2014/main" id="{8A3AE09D-7C47-4B14-806B-020868EE00B0}"/>
              </a:ext>
            </a:extLst>
          </p:cNvPr>
          <p:cNvSpPr txBox="1"/>
          <p:nvPr>
            <p:custDataLst>
              <p:tags r:id="rId94"/>
            </p:custDataLst>
          </p:nvPr>
        </p:nvSpPr>
        <p:spPr>
          <a:xfrm>
            <a:off x="0" y="67672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439" name="OTLSHAPE_T_13fa016881604607b25dc47a98d2af2e_EndDate" hidden="1">
            <a:extLst>
              <a:ext uri="{FF2B5EF4-FFF2-40B4-BE49-F238E27FC236}">
                <a16:creationId xmlns:a16="http://schemas.microsoft.com/office/drawing/2014/main" id="{62147E04-ABC4-4EEA-9572-64F8637F4F20}"/>
              </a:ext>
            </a:extLst>
          </p:cNvPr>
          <p:cNvSpPr txBox="1"/>
          <p:nvPr>
            <p:custDataLst>
              <p:tags r:id="rId95"/>
            </p:custDataLst>
          </p:nvPr>
        </p:nvSpPr>
        <p:spPr>
          <a:xfrm>
            <a:off x="0" y="67672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440" name="OTLSHAPE_T_13fa016881604607b25dc47a98d2af2e_JoinedDate">
            <a:extLst>
              <a:ext uri="{FF2B5EF4-FFF2-40B4-BE49-F238E27FC236}">
                <a16:creationId xmlns:a16="http://schemas.microsoft.com/office/drawing/2014/main" id="{74F6A8C6-F02D-424E-A020-707AFAC71191}"/>
              </a:ext>
            </a:extLst>
          </p:cNvPr>
          <p:cNvSpPr txBox="1"/>
          <p:nvPr>
            <p:custDataLst>
              <p:tags r:id="rId96"/>
            </p:custDataLst>
          </p:nvPr>
        </p:nvSpPr>
        <p:spPr>
          <a:xfrm>
            <a:off x="8114782" y="6636343"/>
            <a:ext cx="1130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6">
                <a:solidFill>
                  <a:schemeClr val="dk2"/>
                </a:solidFill>
                <a:latin typeface="Calibri" panose="020F0502020204030204" pitchFamily="34" charset="0"/>
              </a:rPr>
              <a:t>8/1/2019 - 10/7/2019</a:t>
            </a:r>
          </a:p>
        </p:txBody>
      </p:sp>
      <p:sp>
        <p:nvSpPr>
          <p:cNvPr id="5441" name="OTLSHAPE_T_13fa016881604607b25dc47a98d2af2e_Title">
            <a:extLst>
              <a:ext uri="{FF2B5EF4-FFF2-40B4-BE49-F238E27FC236}">
                <a16:creationId xmlns:a16="http://schemas.microsoft.com/office/drawing/2014/main" id="{2C7125E3-7A3E-4BB0-97FF-A30214D3F0EC}"/>
              </a:ext>
            </a:extLst>
          </p:cNvPr>
          <p:cNvSpPr txBox="1"/>
          <p:nvPr>
            <p:custDataLst>
              <p:tags r:id="rId97"/>
            </p:custDataLst>
          </p:nvPr>
        </p:nvSpPr>
        <p:spPr>
          <a:xfrm>
            <a:off x="127000" y="6628595"/>
            <a:ext cx="927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8">
                <a:solidFill>
                  <a:schemeClr val="dk1"/>
                </a:solidFill>
                <a:latin typeface="Calibri" panose="020F0502020204030204" pitchFamily="34" charset="0"/>
              </a:rPr>
              <a:t>VORBEREITUNG</a:t>
            </a:r>
          </a:p>
        </p:txBody>
      </p:sp>
      <p:sp>
        <p:nvSpPr>
          <p:cNvPr id="5442" name="OTLSHAPE_T_ae295f3b8cf14b2480415dca8b511b8f_Shape">
            <a:extLst>
              <a:ext uri="{FF2B5EF4-FFF2-40B4-BE49-F238E27FC236}">
                <a16:creationId xmlns:a16="http://schemas.microsoft.com/office/drawing/2014/main" id="{3A8B859E-5BE1-49C3-82F6-FA80D35E65E2}"/>
              </a:ext>
            </a:extLst>
          </p:cNvPr>
          <p:cNvSpPr/>
          <p:nvPr>
            <p:custDataLst>
              <p:tags r:id="rId98"/>
            </p:custDataLst>
          </p:nvPr>
        </p:nvSpPr>
        <p:spPr>
          <a:xfrm>
            <a:off x="6407412" y="6909139"/>
            <a:ext cx="1155700" cy="203200"/>
          </a:xfrm>
          <a:prstGeom prst="rect">
            <a:avLst/>
          </a:prstGeom>
          <a:solidFill>
            <a:srgbClr val="73737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443" name="OTLSHAPE_T_ae295f3b8cf14b2480415dca8b511b8f_ShapePercentage" hidden="1">
            <a:extLst>
              <a:ext uri="{FF2B5EF4-FFF2-40B4-BE49-F238E27FC236}">
                <a16:creationId xmlns:a16="http://schemas.microsoft.com/office/drawing/2014/main" id="{41B758BE-075D-4EB4-923C-A444DC041CEC}"/>
              </a:ext>
            </a:extLst>
          </p:cNvPr>
          <p:cNvSpPr/>
          <p:nvPr>
            <p:custDataLst>
              <p:tags r:id="rId99"/>
            </p:custDataLst>
          </p:nvPr>
        </p:nvSpPr>
        <p:spPr>
          <a:xfrm>
            <a:off x="6407412" y="6909139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444" name="OTLSHAPE_T_ae295f3b8cf14b2480415dca8b511b8f_Duration" hidden="1">
            <a:extLst>
              <a:ext uri="{FF2B5EF4-FFF2-40B4-BE49-F238E27FC236}">
                <a16:creationId xmlns:a16="http://schemas.microsoft.com/office/drawing/2014/main" id="{523051D0-87F9-424B-A1D3-ABC0364217EC}"/>
              </a:ext>
            </a:extLst>
          </p:cNvPr>
          <p:cNvSpPr txBox="1"/>
          <p:nvPr>
            <p:custDataLst>
              <p:tags r:id="rId100"/>
            </p:custDataLst>
          </p:nvPr>
        </p:nvSpPr>
        <p:spPr>
          <a:xfrm>
            <a:off x="0" y="6878955"/>
            <a:ext cx="3937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16 Tage</a:t>
            </a:r>
          </a:p>
        </p:txBody>
      </p:sp>
      <p:sp>
        <p:nvSpPr>
          <p:cNvPr id="5445" name="OTLSHAPE_T_ae295f3b8cf14b2480415dca8b511b8f_TextPercentage" hidden="1">
            <a:extLst>
              <a:ext uri="{FF2B5EF4-FFF2-40B4-BE49-F238E27FC236}">
                <a16:creationId xmlns:a16="http://schemas.microsoft.com/office/drawing/2014/main" id="{DAC81AA6-0C15-492F-B773-604F636F121E}"/>
              </a:ext>
            </a:extLst>
          </p:cNvPr>
          <p:cNvSpPr txBox="1"/>
          <p:nvPr>
            <p:custDataLst>
              <p:tags r:id="rId101"/>
            </p:custDataLst>
          </p:nvPr>
        </p:nvSpPr>
        <p:spPr>
          <a:xfrm>
            <a:off x="0" y="70339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5446" name="OTLSHAPE_T_ae295f3b8cf14b2480415dca8b511b8f_StartDate" hidden="1">
            <a:extLst>
              <a:ext uri="{FF2B5EF4-FFF2-40B4-BE49-F238E27FC236}">
                <a16:creationId xmlns:a16="http://schemas.microsoft.com/office/drawing/2014/main" id="{FBA8CF48-8EE4-48B1-BAF8-FD0A7BDF1394}"/>
              </a:ext>
            </a:extLst>
          </p:cNvPr>
          <p:cNvSpPr txBox="1"/>
          <p:nvPr>
            <p:custDataLst>
              <p:tags r:id="rId102"/>
            </p:custDataLst>
          </p:nvPr>
        </p:nvSpPr>
        <p:spPr>
          <a:xfrm>
            <a:off x="0" y="7033980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447" name="OTLSHAPE_T_ae295f3b8cf14b2480415dca8b511b8f_EndDate" hidden="1">
            <a:extLst>
              <a:ext uri="{FF2B5EF4-FFF2-40B4-BE49-F238E27FC236}">
                <a16:creationId xmlns:a16="http://schemas.microsoft.com/office/drawing/2014/main" id="{E9D74B48-CB7C-45FE-9F89-FE1ABCAFCDA0}"/>
              </a:ext>
            </a:extLst>
          </p:cNvPr>
          <p:cNvSpPr txBox="1"/>
          <p:nvPr>
            <p:custDataLst>
              <p:tags r:id="rId103"/>
            </p:custDataLst>
          </p:nvPr>
        </p:nvSpPr>
        <p:spPr>
          <a:xfrm>
            <a:off x="0" y="7033980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448" name="OTLSHAPE_T_ae295f3b8cf14b2480415dca8b511b8f_JoinedDate">
            <a:extLst>
              <a:ext uri="{FF2B5EF4-FFF2-40B4-BE49-F238E27FC236}">
                <a16:creationId xmlns:a16="http://schemas.microsoft.com/office/drawing/2014/main" id="{2F0B0D87-2691-40B1-A44E-12B18734ADEF}"/>
              </a:ext>
            </a:extLst>
          </p:cNvPr>
          <p:cNvSpPr txBox="1"/>
          <p:nvPr>
            <p:custDataLst>
              <p:tags r:id="rId104"/>
            </p:custDataLst>
          </p:nvPr>
        </p:nvSpPr>
        <p:spPr>
          <a:xfrm>
            <a:off x="7610594" y="6878955"/>
            <a:ext cx="2032000" cy="26356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700" spc="-12">
                <a:solidFill>
                  <a:schemeClr val="dk2"/>
                </a:solidFill>
                <a:latin typeface="Calibri" panose="020F0502020204030204" pitchFamily="34" charset="0"/>
              </a:rPr>
              <a:t>9/15/2019 - 9/30/2019</a:t>
            </a:r>
          </a:p>
        </p:txBody>
      </p:sp>
      <p:sp>
        <p:nvSpPr>
          <p:cNvPr id="5449" name="OTLSHAPE_T_ae295f3b8cf14b2480415dca8b511b8f_Title">
            <a:extLst>
              <a:ext uri="{FF2B5EF4-FFF2-40B4-BE49-F238E27FC236}">
                <a16:creationId xmlns:a16="http://schemas.microsoft.com/office/drawing/2014/main" id="{2AC3C35E-60C7-40EE-AE1C-8321C7C9F33B}"/>
              </a:ext>
            </a:extLst>
          </p:cNvPr>
          <p:cNvSpPr txBox="1"/>
          <p:nvPr>
            <p:custDataLst>
              <p:tags r:id="rId105"/>
            </p:custDataLst>
          </p:nvPr>
        </p:nvSpPr>
        <p:spPr>
          <a:xfrm>
            <a:off x="127000" y="6925480"/>
            <a:ext cx="1511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100" b="1" spc="-6">
                <a:solidFill>
                  <a:schemeClr val="dk1"/>
                </a:solidFill>
                <a:latin typeface="Calibri" panose="020F0502020204030204" pitchFamily="34" charset="0"/>
              </a:rPr>
              <a:t>Softwareinstallation (Alle)</a:t>
            </a:r>
          </a:p>
        </p:txBody>
      </p:sp>
      <p:sp>
        <p:nvSpPr>
          <p:cNvPr id="5450" name="OTLSHAPE_T_dab3688283da477aa7c1704574018f57_Shape">
            <a:extLst>
              <a:ext uri="{FF2B5EF4-FFF2-40B4-BE49-F238E27FC236}">
                <a16:creationId xmlns:a16="http://schemas.microsoft.com/office/drawing/2014/main" id="{643DD36E-6246-4417-B160-1D9366842F2B}"/>
              </a:ext>
            </a:extLst>
          </p:cNvPr>
          <p:cNvSpPr/>
          <p:nvPr>
            <p:custDataLst>
              <p:tags r:id="rId106"/>
            </p:custDataLst>
          </p:nvPr>
        </p:nvSpPr>
        <p:spPr>
          <a:xfrm>
            <a:off x="7775925" y="7236206"/>
            <a:ext cx="292100" cy="203200"/>
          </a:xfrm>
          <a:prstGeom prst="rect">
            <a:avLst/>
          </a:prstGeom>
          <a:solidFill>
            <a:srgbClr val="73737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451" name="OTLSHAPE_T_dab3688283da477aa7c1704574018f57_ShapePercentage" hidden="1">
            <a:extLst>
              <a:ext uri="{FF2B5EF4-FFF2-40B4-BE49-F238E27FC236}">
                <a16:creationId xmlns:a16="http://schemas.microsoft.com/office/drawing/2014/main" id="{79B45CE3-78FD-402E-85F5-3934178A06A7}"/>
              </a:ext>
            </a:extLst>
          </p:cNvPr>
          <p:cNvSpPr/>
          <p:nvPr>
            <p:custDataLst>
              <p:tags r:id="rId107"/>
            </p:custDataLst>
          </p:nvPr>
        </p:nvSpPr>
        <p:spPr>
          <a:xfrm>
            <a:off x="7775925" y="7236206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452" name="OTLSHAPE_T_dab3688283da477aa7c1704574018f57_Duration" hidden="1">
            <a:extLst>
              <a:ext uri="{FF2B5EF4-FFF2-40B4-BE49-F238E27FC236}">
                <a16:creationId xmlns:a16="http://schemas.microsoft.com/office/drawing/2014/main" id="{8159C6D8-28F7-40E8-BC3B-B514C13AAF16}"/>
              </a:ext>
            </a:extLst>
          </p:cNvPr>
          <p:cNvSpPr txBox="1"/>
          <p:nvPr>
            <p:custDataLst>
              <p:tags r:id="rId108"/>
            </p:custDataLst>
          </p:nvPr>
        </p:nvSpPr>
        <p:spPr>
          <a:xfrm>
            <a:off x="0" y="7206022"/>
            <a:ext cx="3302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4 Tage</a:t>
            </a:r>
          </a:p>
        </p:txBody>
      </p:sp>
      <p:sp>
        <p:nvSpPr>
          <p:cNvPr id="5453" name="OTLSHAPE_T_dab3688283da477aa7c1704574018f57_TextPercentage" hidden="1">
            <a:extLst>
              <a:ext uri="{FF2B5EF4-FFF2-40B4-BE49-F238E27FC236}">
                <a16:creationId xmlns:a16="http://schemas.microsoft.com/office/drawing/2014/main" id="{C10DC6C2-1CA4-454C-8D3B-DAB44DE98FF9}"/>
              </a:ext>
            </a:extLst>
          </p:cNvPr>
          <p:cNvSpPr txBox="1"/>
          <p:nvPr>
            <p:custDataLst>
              <p:tags r:id="rId109"/>
            </p:custDataLst>
          </p:nvPr>
        </p:nvSpPr>
        <p:spPr>
          <a:xfrm>
            <a:off x="0" y="736104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5454" name="OTLSHAPE_T_dab3688283da477aa7c1704574018f57_StartDate" hidden="1">
            <a:extLst>
              <a:ext uri="{FF2B5EF4-FFF2-40B4-BE49-F238E27FC236}">
                <a16:creationId xmlns:a16="http://schemas.microsoft.com/office/drawing/2014/main" id="{1D77FFE2-0F35-4548-A389-1776DF196B3B}"/>
              </a:ext>
            </a:extLst>
          </p:cNvPr>
          <p:cNvSpPr txBox="1"/>
          <p:nvPr>
            <p:custDataLst>
              <p:tags r:id="rId110"/>
            </p:custDataLst>
          </p:nvPr>
        </p:nvSpPr>
        <p:spPr>
          <a:xfrm>
            <a:off x="0" y="7361047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455" name="OTLSHAPE_T_dab3688283da477aa7c1704574018f57_EndDate" hidden="1">
            <a:extLst>
              <a:ext uri="{FF2B5EF4-FFF2-40B4-BE49-F238E27FC236}">
                <a16:creationId xmlns:a16="http://schemas.microsoft.com/office/drawing/2014/main" id="{3E91A114-7BBA-48C0-B7B4-607DAE43FD57}"/>
              </a:ext>
            </a:extLst>
          </p:cNvPr>
          <p:cNvSpPr txBox="1"/>
          <p:nvPr>
            <p:custDataLst>
              <p:tags r:id="rId111"/>
            </p:custDataLst>
          </p:nvPr>
        </p:nvSpPr>
        <p:spPr>
          <a:xfrm>
            <a:off x="0" y="7361047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456" name="OTLSHAPE_T_dab3688283da477aa7c1704574018f57_JoinedDate">
            <a:extLst>
              <a:ext uri="{FF2B5EF4-FFF2-40B4-BE49-F238E27FC236}">
                <a16:creationId xmlns:a16="http://schemas.microsoft.com/office/drawing/2014/main" id="{734B456E-EE35-49A2-B94B-3289DCD5F191}"/>
              </a:ext>
            </a:extLst>
          </p:cNvPr>
          <p:cNvSpPr txBox="1"/>
          <p:nvPr>
            <p:custDataLst>
              <p:tags r:id="rId112"/>
            </p:custDataLst>
          </p:nvPr>
        </p:nvSpPr>
        <p:spPr>
          <a:xfrm>
            <a:off x="8114782" y="7206022"/>
            <a:ext cx="2032000" cy="26356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700" spc="-12">
                <a:solidFill>
                  <a:schemeClr val="dk2"/>
                </a:solidFill>
                <a:latin typeface="Calibri" panose="020F0502020204030204" pitchFamily="34" charset="0"/>
              </a:rPr>
              <a:t>10/4/2019 - 10/7/2019</a:t>
            </a:r>
          </a:p>
        </p:txBody>
      </p:sp>
      <p:sp>
        <p:nvSpPr>
          <p:cNvPr id="5457" name="OTLSHAPE_T_dab3688283da477aa7c1704574018f57_Title">
            <a:extLst>
              <a:ext uri="{FF2B5EF4-FFF2-40B4-BE49-F238E27FC236}">
                <a16:creationId xmlns:a16="http://schemas.microsoft.com/office/drawing/2014/main" id="{7B72FA77-1B58-46CE-9693-6F5C4AAD5FE8}"/>
              </a:ext>
            </a:extLst>
          </p:cNvPr>
          <p:cNvSpPr txBox="1"/>
          <p:nvPr>
            <p:custDataLst>
              <p:tags r:id="rId113"/>
            </p:custDataLst>
          </p:nvPr>
        </p:nvSpPr>
        <p:spPr>
          <a:xfrm>
            <a:off x="127000" y="7252546"/>
            <a:ext cx="2349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100" b="1" spc="-4">
                <a:solidFill>
                  <a:schemeClr val="dk1"/>
                </a:solidFill>
                <a:latin typeface="Calibri" panose="020F0502020204030204" pitchFamily="34" charset="0"/>
              </a:rPr>
              <a:t>Programmierumgebung einrichten (Alle)</a:t>
            </a:r>
          </a:p>
        </p:txBody>
      </p:sp>
      <p:sp>
        <p:nvSpPr>
          <p:cNvPr id="5458" name="OTLSHAPE_T_6bed2e37dd864b2fa6570b2f3e405580_Shape">
            <a:extLst>
              <a:ext uri="{FF2B5EF4-FFF2-40B4-BE49-F238E27FC236}">
                <a16:creationId xmlns:a16="http://schemas.microsoft.com/office/drawing/2014/main" id="{D85C6FCC-146F-46C5-9278-2C6EF575DEA4}"/>
              </a:ext>
            </a:extLst>
          </p:cNvPr>
          <p:cNvSpPr/>
          <p:nvPr>
            <p:custDataLst>
              <p:tags r:id="rId114"/>
            </p:custDataLst>
          </p:nvPr>
        </p:nvSpPr>
        <p:spPr>
          <a:xfrm>
            <a:off x="3166200" y="7563273"/>
            <a:ext cx="2311400" cy="203200"/>
          </a:xfrm>
          <a:prstGeom prst="rect">
            <a:avLst/>
          </a:prstGeom>
          <a:solidFill>
            <a:srgbClr val="96D64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459" name="OTLSHAPE_T_6bed2e37dd864b2fa6570b2f3e405580_ShapePercentage" hidden="1">
            <a:extLst>
              <a:ext uri="{FF2B5EF4-FFF2-40B4-BE49-F238E27FC236}">
                <a16:creationId xmlns:a16="http://schemas.microsoft.com/office/drawing/2014/main" id="{241514B5-5084-43A1-AC32-EC1D453A0855}"/>
              </a:ext>
            </a:extLst>
          </p:cNvPr>
          <p:cNvSpPr/>
          <p:nvPr>
            <p:custDataLst>
              <p:tags r:id="rId115"/>
            </p:custDataLst>
          </p:nvPr>
        </p:nvSpPr>
        <p:spPr>
          <a:xfrm>
            <a:off x="3166200" y="7563273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460" name="OTLSHAPE_T_6bed2e37dd864b2fa6570b2f3e405580_Duration" hidden="1">
            <a:extLst>
              <a:ext uri="{FF2B5EF4-FFF2-40B4-BE49-F238E27FC236}">
                <a16:creationId xmlns:a16="http://schemas.microsoft.com/office/drawing/2014/main" id="{367DE3B2-14DB-4460-BE49-9912F11BF326}"/>
              </a:ext>
            </a:extLst>
          </p:cNvPr>
          <p:cNvSpPr txBox="1"/>
          <p:nvPr>
            <p:custDataLst>
              <p:tags r:id="rId116"/>
            </p:custDataLst>
          </p:nvPr>
        </p:nvSpPr>
        <p:spPr>
          <a:xfrm>
            <a:off x="0" y="7533090"/>
            <a:ext cx="3937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32 Tage</a:t>
            </a:r>
          </a:p>
        </p:txBody>
      </p:sp>
      <p:sp>
        <p:nvSpPr>
          <p:cNvPr id="5461" name="OTLSHAPE_T_6bed2e37dd864b2fa6570b2f3e405580_TextPercentage" hidden="1">
            <a:extLst>
              <a:ext uri="{FF2B5EF4-FFF2-40B4-BE49-F238E27FC236}">
                <a16:creationId xmlns:a16="http://schemas.microsoft.com/office/drawing/2014/main" id="{E429D699-87C7-4BC3-8186-4FF0C65C2583}"/>
              </a:ext>
            </a:extLst>
          </p:cNvPr>
          <p:cNvSpPr txBox="1"/>
          <p:nvPr>
            <p:custDataLst>
              <p:tags r:id="rId117"/>
            </p:custDataLst>
          </p:nvPr>
        </p:nvSpPr>
        <p:spPr>
          <a:xfrm>
            <a:off x="0" y="768811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5462" name="OTLSHAPE_T_6bed2e37dd864b2fa6570b2f3e405580_StartDate" hidden="1">
            <a:extLst>
              <a:ext uri="{FF2B5EF4-FFF2-40B4-BE49-F238E27FC236}">
                <a16:creationId xmlns:a16="http://schemas.microsoft.com/office/drawing/2014/main" id="{17F901CF-C379-4ABA-A45A-3C113E4EFE51}"/>
              </a:ext>
            </a:extLst>
          </p:cNvPr>
          <p:cNvSpPr txBox="1"/>
          <p:nvPr>
            <p:custDataLst>
              <p:tags r:id="rId118"/>
            </p:custDataLst>
          </p:nvPr>
        </p:nvSpPr>
        <p:spPr>
          <a:xfrm>
            <a:off x="0" y="7688114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463" name="OTLSHAPE_T_6bed2e37dd864b2fa6570b2f3e405580_EndDate" hidden="1">
            <a:extLst>
              <a:ext uri="{FF2B5EF4-FFF2-40B4-BE49-F238E27FC236}">
                <a16:creationId xmlns:a16="http://schemas.microsoft.com/office/drawing/2014/main" id="{3FD8FD2D-4B41-45AA-9CCF-70140D31DCB4}"/>
              </a:ext>
            </a:extLst>
          </p:cNvPr>
          <p:cNvSpPr txBox="1"/>
          <p:nvPr>
            <p:custDataLst>
              <p:tags r:id="rId119"/>
            </p:custDataLst>
          </p:nvPr>
        </p:nvSpPr>
        <p:spPr>
          <a:xfrm>
            <a:off x="0" y="7688114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464" name="OTLSHAPE_T_6bed2e37dd864b2fa6570b2f3e405580_JoinedDate">
            <a:extLst>
              <a:ext uri="{FF2B5EF4-FFF2-40B4-BE49-F238E27FC236}">
                <a16:creationId xmlns:a16="http://schemas.microsoft.com/office/drawing/2014/main" id="{22FB922C-F795-4D65-BC7A-452909885882}"/>
              </a:ext>
            </a:extLst>
          </p:cNvPr>
          <p:cNvSpPr txBox="1"/>
          <p:nvPr>
            <p:custDataLst>
              <p:tags r:id="rId120"/>
            </p:custDataLst>
          </p:nvPr>
        </p:nvSpPr>
        <p:spPr>
          <a:xfrm>
            <a:off x="5521812" y="7533090"/>
            <a:ext cx="1816100" cy="26356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700" spc="-12">
                <a:solidFill>
                  <a:schemeClr val="dk2"/>
                </a:solidFill>
                <a:latin typeface="Calibri" panose="020F0502020204030204" pitchFamily="34" charset="0"/>
              </a:rPr>
              <a:t>8/1/2019 - 9/1/2019</a:t>
            </a:r>
          </a:p>
        </p:txBody>
      </p:sp>
      <p:sp>
        <p:nvSpPr>
          <p:cNvPr id="5465" name="OTLSHAPE_T_6bed2e37dd864b2fa6570b2f3e405580_Title">
            <a:extLst>
              <a:ext uri="{FF2B5EF4-FFF2-40B4-BE49-F238E27FC236}">
                <a16:creationId xmlns:a16="http://schemas.microsoft.com/office/drawing/2014/main" id="{C11094A2-0638-451F-8274-25975F70E55F}"/>
              </a:ext>
            </a:extLst>
          </p:cNvPr>
          <p:cNvSpPr txBox="1"/>
          <p:nvPr>
            <p:custDataLst>
              <p:tags r:id="rId121"/>
            </p:custDataLst>
          </p:nvPr>
        </p:nvSpPr>
        <p:spPr>
          <a:xfrm>
            <a:off x="127000" y="7579614"/>
            <a:ext cx="2870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100" b="1" spc="-6">
                <a:solidFill>
                  <a:schemeClr val="dk1"/>
                </a:solidFill>
                <a:latin typeface="Calibri" panose="020F0502020204030204" pitchFamily="34" charset="0"/>
              </a:rPr>
              <a:t>Technische Recherche &amp; Entscheidung (Fettinger) </a:t>
            </a:r>
          </a:p>
        </p:txBody>
      </p:sp>
      <p:sp>
        <p:nvSpPr>
          <p:cNvPr id="5466" name="OTLSHAPE_T_8e3b5f33b16648639afbf684971dae5f_Shape">
            <a:extLst>
              <a:ext uri="{FF2B5EF4-FFF2-40B4-BE49-F238E27FC236}">
                <a16:creationId xmlns:a16="http://schemas.microsoft.com/office/drawing/2014/main" id="{E82CB470-907C-4A28-AD20-82EC201976DB}"/>
              </a:ext>
            </a:extLst>
          </p:cNvPr>
          <p:cNvSpPr/>
          <p:nvPr>
            <p:custDataLst>
              <p:tags r:id="rId122"/>
            </p:custDataLst>
          </p:nvPr>
        </p:nvSpPr>
        <p:spPr>
          <a:xfrm>
            <a:off x="5399036" y="7860157"/>
            <a:ext cx="2882900" cy="203200"/>
          </a:xfrm>
          <a:prstGeom prst="rect">
            <a:avLst/>
          </a:prstGeom>
          <a:solidFill>
            <a:srgbClr val="2F3699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467" name="OTLSHAPE_T_8e3b5f33b16648639afbf684971dae5f_ShapePercentage" hidden="1">
            <a:extLst>
              <a:ext uri="{FF2B5EF4-FFF2-40B4-BE49-F238E27FC236}">
                <a16:creationId xmlns:a16="http://schemas.microsoft.com/office/drawing/2014/main" id="{2D3AF5C5-DD90-4BB9-A56E-0D43E5CA5A10}"/>
              </a:ext>
            </a:extLst>
          </p:cNvPr>
          <p:cNvSpPr/>
          <p:nvPr>
            <p:custDataLst>
              <p:tags r:id="rId123"/>
            </p:custDataLst>
          </p:nvPr>
        </p:nvSpPr>
        <p:spPr>
          <a:xfrm>
            <a:off x="5399036" y="7860157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468" name="OTLSHAPE_T_8e3b5f33b16648639afbf684971dae5f_Duration" hidden="1">
            <a:extLst>
              <a:ext uri="{FF2B5EF4-FFF2-40B4-BE49-F238E27FC236}">
                <a16:creationId xmlns:a16="http://schemas.microsoft.com/office/drawing/2014/main" id="{5B65E908-1E35-48F5-9058-BAF811964E1E}"/>
              </a:ext>
            </a:extLst>
          </p:cNvPr>
          <p:cNvSpPr txBox="1"/>
          <p:nvPr>
            <p:custDataLst>
              <p:tags r:id="rId124"/>
            </p:custDataLst>
          </p:nvPr>
        </p:nvSpPr>
        <p:spPr>
          <a:xfrm>
            <a:off x="0" y="7860157"/>
            <a:ext cx="3937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40 Tage</a:t>
            </a:r>
          </a:p>
        </p:txBody>
      </p:sp>
      <p:sp>
        <p:nvSpPr>
          <p:cNvPr id="5469" name="OTLSHAPE_T_8e3b5f33b16648639afbf684971dae5f_TextPercentage" hidden="1">
            <a:extLst>
              <a:ext uri="{FF2B5EF4-FFF2-40B4-BE49-F238E27FC236}">
                <a16:creationId xmlns:a16="http://schemas.microsoft.com/office/drawing/2014/main" id="{BB2CCC0F-4B73-44F6-8EC6-CCE6E8C085BB}"/>
              </a:ext>
            </a:extLst>
          </p:cNvPr>
          <p:cNvSpPr txBox="1"/>
          <p:nvPr>
            <p:custDataLst>
              <p:tags r:id="rId125"/>
            </p:custDataLst>
          </p:nvPr>
        </p:nvSpPr>
        <p:spPr>
          <a:xfrm>
            <a:off x="0" y="801518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5470" name="OTLSHAPE_T_8e3b5f33b16648639afbf684971dae5f_StartDate" hidden="1">
            <a:extLst>
              <a:ext uri="{FF2B5EF4-FFF2-40B4-BE49-F238E27FC236}">
                <a16:creationId xmlns:a16="http://schemas.microsoft.com/office/drawing/2014/main" id="{E462A3B4-4FC6-4387-9258-3372CE947422}"/>
              </a:ext>
            </a:extLst>
          </p:cNvPr>
          <p:cNvSpPr txBox="1"/>
          <p:nvPr>
            <p:custDataLst>
              <p:tags r:id="rId126"/>
            </p:custDataLst>
          </p:nvPr>
        </p:nvSpPr>
        <p:spPr>
          <a:xfrm>
            <a:off x="0" y="801518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471" name="OTLSHAPE_T_8e3b5f33b16648639afbf684971dae5f_EndDate" hidden="1">
            <a:extLst>
              <a:ext uri="{FF2B5EF4-FFF2-40B4-BE49-F238E27FC236}">
                <a16:creationId xmlns:a16="http://schemas.microsoft.com/office/drawing/2014/main" id="{103DC169-FC20-4A45-88A8-F73F7F56D293}"/>
              </a:ext>
            </a:extLst>
          </p:cNvPr>
          <p:cNvSpPr txBox="1"/>
          <p:nvPr>
            <p:custDataLst>
              <p:tags r:id="rId127"/>
            </p:custDataLst>
          </p:nvPr>
        </p:nvSpPr>
        <p:spPr>
          <a:xfrm>
            <a:off x="0" y="801518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472" name="OTLSHAPE_T_8e3b5f33b16648639afbf684971dae5f_JoinedDate">
            <a:extLst>
              <a:ext uri="{FF2B5EF4-FFF2-40B4-BE49-F238E27FC236}">
                <a16:creationId xmlns:a16="http://schemas.microsoft.com/office/drawing/2014/main" id="{67F6CFC6-B0A7-49BF-96AE-8E4A3301ED6D}"/>
              </a:ext>
            </a:extLst>
          </p:cNvPr>
          <p:cNvSpPr txBox="1"/>
          <p:nvPr>
            <p:custDataLst>
              <p:tags r:id="rId128"/>
            </p:custDataLst>
          </p:nvPr>
        </p:nvSpPr>
        <p:spPr>
          <a:xfrm>
            <a:off x="8330863" y="7884244"/>
            <a:ext cx="1206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6">
                <a:solidFill>
                  <a:schemeClr val="dk2"/>
                </a:solidFill>
                <a:latin typeface="Calibri" panose="020F0502020204030204" pitchFamily="34" charset="0"/>
              </a:rPr>
              <a:t>9/1/2019 - 10/10/2019</a:t>
            </a:r>
          </a:p>
        </p:txBody>
      </p:sp>
      <p:sp>
        <p:nvSpPr>
          <p:cNvPr id="5473" name="OTLSHAPE_T_8e3b5f33b16648639afbf684971dae5f_Title">
            <a:extLst>
              <a:ext uri="{FF2B5EF4-FFF2-40B4-BE49-F238E27FC236}">
                <a16:creationId xmlns:a16="http://schemas.microsoft.com/office/drawing/2014/main" id="{9506DB86-1E9C-4297-843E-1909367EDB17}"/>
              </a:ext>
            </a:extLst>
          </p:cNvPr>
          <p:cNvSpPr txBox="1"/>
          <p:nvPr>
            <p:custDataLst>
              <p:tags r:id="rId129"/>
            </p:custDataLst>
          </p:nvPr>
        </p:nvSpPr>
        <p:spPr>
          <a:xfrm>
            <a:off x="127000" y="7876498"/>
            <a:ext cx="1054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4">
                <a:solidFill>
                  <a:schemeClr val="dk1"/>
                </a:solidFill>
                <a:latin typeface="Calibri" panose="020F0502020204030204" pitchFamily="34" charset="0"/>
              </a:rPr>
              <a:t>DESIGN PLANUNG</a:t>
            </a:r>
          </a:p>
        </p:txBody>
      </p:sp>
      <p:sp>
        <p:nvSpPr>
          <p:cNvPr id="5474" name="OTLSHAPE_T_8d1e173ca30748a1b0d91b0978d881dd_Shape">
            <a:extLst>
              <a:ext uri="{FF2B5EF4-FFF2-40B4-BE49-F238E27FC236}">
                <a16:creationId xmlns:a16="http://schemas.microsoft.com/office/drawing/2014/main" id="{F165E0B3-B1E9-4108-B2E0-125802766DA8}"/>
              </a:ext>
            </a:extLst>
          </p:cNvPr>
          <p:cNvSpPr/>
          <p:nvPr>
            <p:custDataLst>
              <p:tags r:id="rId130"/>
            </p:custDataLst>
          </p:nvPr>
        </p:nvSpPr>
        <p:spPr>
          <a:xfrm>
            <a:off x="5471012" y="8157041"/>
            <a:ext cx="292100" cy="203200"/>
          </a:xfrm>
          <a:prstGeom prst="rect">
            <a:avLst/>
          </a:prstGeom>
          <a:solidFill>
            <a:srgbClr val="02B2E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475" name="OTLSHAPE_T_8d1e173ca30748a1b0d91b0978d881dd_ShapePercentage" hidden="1">
            <a:extLst>
              <a:ext uri="{FF2B5EF4-FFF2-40B4-BE49-F238E27FC236}">
                <a16:creationId xmlns:a16="http://schemas.microsoft.com/office/drawing/2014/main" id="{828CEA9C-0E1E-4C7C-B1EA-5F516B40B326}"/>
              </a:ext>
            </a:extLst>
          </p:cNvPr>
          <p:cNvSpPr/>
          <p:nvPr>
            <p:custDataLst>
              <p:tags r:id="rId131"/>
            </p:custDataLst>
          </p:nvPr>
        </p:nvSpPr>
        <p:spPr>
          <a:xfrm>
            <a:off x="5471012" y="8157041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476" name="OTLSHAPE_T_8d1e173ca30748a1b0d91b0978d881dd_Duration" hidden="1">
            <a:extLst>
              <a:ext uri="{FF2B5EF4-FFF2-40B4-BE49-F238E27FC236}">
                <a16:creationId xmlns:a16="http://schemas.microsoft.com/office/drawing/2014/main" id="{277CC99D-E4CA-4F32-9CDD-57A37A146637}"/>
              </a:ext>
            </a:extLst>
          </p:cNvPr>
          <p:cNvSpPr txBox="1"/>
          <p:nvPr>
            <p:custDataLst>
              <p:tags r:id="rId132"/>
            </p:custDataLst>
          </p:nvPr>
        </p:nvSpPr>
        <p:spPr>
          <a:xfrm>
            <a:off x="0" y="8126857"/>
            <a:ext cx="3302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4 Tage</a:t>
            </a:r>
          </a:p>
        </p:txBody>
      </p:sp>
      <p:sp>
        <p:nvSpPr>
          <p:cNvPr id="5477" name="OTLSHAPE_T_8d1e173ca30748a1b0d91b0978d881dd_TextPercentage" hidden="1">
            <a:extLst>
              <a:ext uri="{FF2B5EF4-FFF2-40B4-BE49-F238E27FC236}">
                <a16:creationId xmlns:a16="http://schemas.microsoft.com/office/drawing/2014/main" id="{561F1921-C782-424E-91DE-3D9BDF2BE921}"/>
              </a:ext>
            </a:extLst>
          </p:cNvPr>
          <p:cNvSpPr txBox="1"/>
          <p:nvPr>
            <p:custDataLst>
              <p:tags r:id="rId133"/>
            </p:custDataLst>
          </p:nvPr>
        </p:nvSpPr>
        <p:spPr>
          <a:xfrm>
            <a:off x="0" y="828188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5478" name="OTLSHAPE_T_8d1e173ca30748a1b0d91b0978d881dd_StartDate" hidden="1">
            <a:extLst>
              <a:ext uri="{FF2B5EF4-FFF2-40B4-BE49-F238E27FC236}">
                <a16:creationId xmlns:a16="http://schemas.microsoft.com/office/drawing/2014/main" id="{5765BE69-481D-40A6-BE7A-CC6ADDB0C412}"/>
              </a:ext>
            </a:extLst>
          </p:cNvPr>
          <p:cNvSpPr txBox="1"/>
          <p:nvPr>
            <p:custDataLst>
              <p:tags r:id="rId134"/>
            </p:custDataLst>
          </p:nvPr>
        </p:nvSpPr>
        <p:spPr>
          <a:xfrm>
            <a:off x="0" y="8281881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479" name="OTLSHAPE_T_8d1e173ca30748a1b0d91b0978d881dd_EndDate" hidden="1">
            <a:extLst>
              <a:ext uri="{FF2B5EF4-FFF2-40B4-BE49-F238E27FC236}">
                <a16:creationId xmlns:a16="http://schemas.microsoft.com/office/drawing/2014/main" id="{6ECC3A6F-DE5A-43FE-985C-FB9F2CD22AA4}"/>
              </a:ext>
            </a:extLst>
          </p:cNvPr>
          <p:cNvSpPr txBox="1"/>
          <p:nvPr>
            <p:custDataLst>
              <p:tags r:id="rId135"/>
            </p:custDataLst>
          </p:nvPr>
        </p:nvSpPr>
        <p:spPr>
          <a:xfrm>
            <a:off x="0" y="8281881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480" name="OTLSHAPE_T_8d1e173ca30748a1b0d91b0978d881dd_JoinedDate">
            <a:extLst>
              <a:ext uri="{FF2B5EF4-FFF2-40B4-BE49-F238E27FC236}">
                <a16:creationId xmlns:a16="http://schemas.microsoft.com/office/drawing/2014/main" id="{D7897E13-E8F5-44C8-AD2F-DE5B250B02B9}"/>
              </a:ext>
            </a:extLst>
          </p:cNvPr>
          <p:cNvSpPr txBox="1"/>
          <p:nvPr>
            <p:custDataLst>
              <p:tags r:id="rId136"/>
            </p:custDataLst>
          </p:nvPr>
        </p:nvSpPr>
        <p:spPr>
          <a:xfrm>
            <a:off x="5809920" y="8126857"/>
            <a:ext cx="1816100" cy="26356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700" spc="-12">
                <a:solidFill>
                  <a:schemeClr val="dk2"/>
                </a:solidFill>
                <a:latin typeface="Calibri" panose="020F0502020204030204" pitchFamily="34" charset="0"/>
              </a:rPr>
              <a:t>9/1/2019 - 9/5/2019</a:t>
            </a:r>
          </a:p>
        </p:txBody>
      </p:sp>
      <p:sp>
        <p:nvSpPr>
          <p:cNvPr id="5481" name="OTLSHAPE_T_8d1e173ca30748a1b0d91b0978d881dd_Title">
            <a:extLst>
              <a:ext uri="{FF2B5EF4-FFF2-40B4-BE49-F238E27FC236}">
                <a16:creationId xmlns:a16="http://schemas.microsoft.com/office/drawing/2014/main" id="{5D3B2E5B-74B4-42AE-B874-FE212019BE38}"/>
              </a:ext>
            </a:extLst>
          </p:cNvPr>
          <p:cNvSpPr txBox="1"/>
          <p:nvPr>
            <p:custDataLst>
              <p:tags r:id="rId137"/>
            </p:custDataLst>
          </p:nvPr>
        </p:nvSpPr>
        <p:spPr>
          <a:xfrm>
            <a:off x="127000" y="8173381"/>
            <a:ext cx="1181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100" b="1" spc="-4">
                <a:solidFill>
                  <a:schemeClr val="dk1"/>
                </a:solidFill>
                <a:latin typeface="Calibri" panose="020F0502020204030204" pitchFamily="34" charset="0"/>
              </a:rPr>
              <a:t>Wireframe (Lidauer)</a:t>
            </a:r>
          </a:p>
        </p:txBody>
      </p:sp>
      <p:sp>
        <p:nvSpPr>
          <p:cNvPr id="5482" name="OTLSHAPE_T_c73a10d8139146c4861f84b30cc7b56a_Shape">
            <a:extLst>
              <a:ext uri="{FF2B5EF4-FFF2-40B4-BE49-F238E27FC236}">
                <a16:creationId xmlns:a16="http://schemas.microsoft.com/office/drawing/2014/main" id="{D334D787-A32B-44A5-8867-1AE0BBC09C61}"/>
              </a:ext>
            </a:extLst>
          </p:cNvPr>
          <p:cNvSpPr/>
          <p:nvPr>
            <p:custDataLst>
              <p:tags r:id="rId138"/>
            </p:custDataLst>
          </p:nvPr>
        </p:nvSpPr>
        <p:spPr>
          <a:xfrm>
            <a:off x="6479389" y="8484108"/>
            <a:ext cx="508000" cy="203200"/>
          </a:xfrm>
          <a:prstGeom prst="rect">
            <a:avLst/>
          </a:prstGeom>
          <a:solidFill>
            <a:srgbClr val="02B2E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483" name="OTLSHAPE_T_c73a10d8139146c4861f84b30cc7b56a_ShapePercentage" hidden="1">
            <a:extLst>
              <a:ext uri="{FF2B5EF4-FFF2-40B4-BE49-F238E27FC236}">
                <a16:creationId xmlns:a16="http://schemas.microsoft.com/office/drawing/2014/main" id="{FCC0D299-FD1B-47DE-B6F6-7A03E1B35521}"/>
              </a:ext>
            </a:extLst>
          </p:cNvPr>
          <p:cNvSpPr/>
          <p:nvPr>
            <p:custDataLst>
              <p:tags r:id="rId139"/>
            </p:custDataLst>
          </p:nvPr>
        </p:nvSpPr>
        <p:spPr>
          <a:xfrm>
            <a:off x="6479389" y="8484108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484" name="OTLSHAPE_T_c73a10d8139146c4861f84b30cc7b56a_Duration" hidden="1">
            <a:extLst>
              <a:ext uri="{FF2B5EF4-FFF2-40B4-BE49-F238E27FC236}">
                <a16:creationId xmlns:a16="http://schemas.microsoft.com/office/drawing/2014/main" id="{8871BAE1-3E3D-4053-A430-75A83434BD08}"/>
              </a:ext>
            </a:extLst>
          </p:cNvPr>
          <p:cNvSpPr txBox="1"/>
          <p:nvPr>
            <p:custDataLst>
              <p:tags r:id="rId140"/>
            </p:custDataLst>
          </p:nvPr>
        </p:nvSpPr>
        <p:spPr>
          <a:xfrm>
            <a:off x="0" y="8453924"/>
            <a:ext cx="3302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7 Tage</a:t>
            </a:r>
          </a:p>
        </p:txBody>
      </p:sp>
      <p:sp>
        <p:nvSpPr>
          <p:cNvPr id="5485" name="OTLSHAPE_T_c73a10d8139146c4861f84b30cc7b56a_TextPercentage" hidden="1">
            <a:extLst>
              <a:ext uri="{FF2B5EF4-FFF2-40B4-BE49-F238E27FC236}">
                <a16:creationId xmlns:a16="http://schemas.microsoft.com/office/drawing/2014/main" id="{4E1801B2-87FF-4AB8-A1E3-44409460CCD0}"/>
              </a:ext>
            </a:extLst>
          </p:cNvPr>
          <p:cNvSpPr txBox="1"/>
          <p:nvPr>
            <p:custDataLst>
              <p:tags r:id="rId141"/>
            </p:custDataLst>
          </p:nvPr>
        </p:nvSpPr>
        <p:spPr>
          <a:xfrm>
            <a:off x="0" y="860894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5486" name="OTLSHAPE_T_c73a10d8139146c4861f84b30cc7b56a_StartDate" hidden="1">
            <a:extLst>
              <a:ext uri="{FF2B5EF4-FFF2-40B4-BE49-F238E27FC236}">
                <a16:creationId xmlns:a16="http://schemas.microsoft.com/office/drawing/2014/main" id="{39F84648-0005-48BA-9253-32990AB1EF3F}"/>
              </a:ext>
            </a:extLst>
          </p:cNvPr>
          <p:cNvSpPr txBox="1"/>
          <p:nvPr>
            <p:custDataLst>
              <p:tags r:id="rId142"/>
            </p:custDataLst>
          </p:nvPr>
        </p:nvSpPr>
        <p:spPr>
          <a:xfrm>
            <a:off x="0" y="8608949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487" name="OTLSHAPE_T_c73a10d8139146c4861f84b30cc7b56a_EndDate" hidden="1">
            <a:extLst>
              <a:ext uri="{FF2B5EF4-FFF2-40B4-BE49-F238E27FC236}">
                <a16:creationId xmlns:a16="http://schemas.microsoft.com/office/drawing/2014/main" id="{A13BD865-1B44-4AF4-8126-867E2407056A}"/>
              </a:ext>
            </a:extLst>
          </p:cNvPr>
          <p:cNvSpPr txBox="1"/>
          <p:nvPr>
            <p:custDataLst>
              <p:tags r:id="rId143"/>
            </p:custDataLst>
          </p:nvPr>
        </p:nvSpPr>
        <p:spPr>
          <a:xfrm>
            <a:off x="0" y="8608949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488" name="OTLSHAPE_T_c73a10d8139146c4861f84b30cc7b56a_JoinedDate">
            <a:extLst>
              <a:ext uri="{FF2B5EF4-FFF2-40B4-BE49-F238E27FC236}">
                <a16:creationId xmlns:a16="http://schemas.microsoft.com/office/drawing/2014/main" id="{158F8FB7-4C30-497E-9D4B-5E254974206E}"/>
              </a:ext>
            </a:extLst>
          </p:cNvPr>
          <p:cNvSpPr txBox="1"/>
          <p:nvPr>
            <p:custDataLst>
              <p:tags r:id="rId144"/>
            </p:custDataLst>
          </p:nvPr>
        </p:nvSpPr>
        <p:spPr>
          <a:xfrm>
            <a:off x="7034378" y="8453924"/>
            <a:ext cx="2032000" cy="26356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700" spc="-12">
                <a:solidFill>
                  <a:schemeClr val="dk2"/>
                </a:solidFill>
                <a:latin typeface="Calibri" panose="020F0502020204030204" pitchFamily="34" charset="0"/>
              </a:rPr>
              <a:t>9/15/2019 - 9/22/2019</a:t>
            </a:r>
          </a:p>
        </p:txBody>
      </p:sp>
      <p:sp>
        <p:nvSpPr>
          <p:cNvPr id="5489" name="OTLSHAPE_T_c73a10d8139146c4861f84b30cc7b56a_Title">
            <a:extLst>
              <a:ext uri="{FF2B5EF4-FFF2-40B4-BE49-F238E27FC236}">
                <a16:creationId xmlns:a16="http://schemas.microsoft.com/office/drawing/2014/main" id="{BBE1FA69-A2AE-47F0-A837-EB0A2BF14A2C}"/>
              </a:ext>
            </a:extLst>
          </p:cNvPr>
          <p:cNvSpPr txBox="1"/>
          <p:nvPr>
            <p:custDataLst>
              <p:tags r:id="rId145"/>
            </p:custDataLst>
          </p:nvPr>
        </p:nvSpPr>
        <p:spPr>
          <a:xfrm>
            <a:off x="127000" y="8500449"/>
            <a:ext cx="1752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100" b="1" spc="-2">
                <a:solidFill>
                  <a:schemeClr val="dk1"/>
                </a:solidFill>
                <a:latin typeface="Calibri" panose="020F0502020204030204" pitchFamily="34" charset="0"/>
              </a:rPr>
              <a:t>AdobeXD Login Page (Lidauer)</a:t>
            </a:r>
          </a:p>
        </p:txBody>
      </p:sp>
      <p:sp>
        <p:nvSpPr>
          <p:cNvPr id="5490" name="OTLSHAPE_T_5aa6116328ae4a149e6d38888221f131_Shape">
            <a:extLst>
              <a:ext uri="{FF2B5EF4-FFF2-40B4-BE49-F238E27FC236}">
                <a16:creationId xmlns:a16="http://schemas.microsoft.com/office/drawing/2014/main" id="{88DD5675-9CF5-4652-B53A-6AAC5D09B95C}"/>
              </a:ext>
            </a:extLst>
          </p:cNvPr>
          <p:cNvSpPr/>
          <p:nvPr>
            <p:custDataLst>
              <p:tags r:id="rId146"/>
            </p:custDataLst>
          </p:nvPr>
        </p:nvSpPr>
        <p:spPr>
          <a:xfrm>
            <a:off x="6479389" y="8811175"/>
            <a:ext cx="508000" cy="203200"/>
          </a:xfrm>
          <a:prstGeom prst="rect">
            <a:avLst/>
          </a:prstGeom>
          <a:solidFill>
            <a:srgbClr val="02B2E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491" name="OTLSHAPE_T_5aa6116328ae4a149e6d38888221f131_ShapePercentage" hidden="1">
            <a:extLst>
              <a:ext uri="{FF2B5EF4-FFF2-40B4-BE49-F238E27FC236}">
                <a16:creationId xmlns:a16="http://schemas.microsoft.com/office/drawing/2014/main" id="{1BF7FCDB-75EA-4032-AC72-DB5D3444C3D3}"/>
              </a:ext>
            </a:extLst>
          </p:cNvPr>
          <p:cNvSpPr/>
          <p:nvPr>
            <p:custDataLst>
              <p:tags r:id="rId147"/>
            </p:custDataLst>
          </p:nvPr>
        </p:nvSpPr>
        <p:spPr>
          <a:xfrm>
            <a:off x="6479389" y="881117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492" name="OTLSHAPE_T_5aa6116328ae4a149e6d38888221f131_Duration" hidden="1">
            <a:extLst>
              <a:ext uri="{FF2B5EF4-FFF2-40B4-BE49-F238E27FC236}">
                <a16:creationId xmlns:a16="http://schemas.microsoft.com/office/drawing/2014/main" id="{B8837752-FD00-49AB-AC58-583E28C1FF85}"/>
              </a:ext>
            </a:extLst>
          </p:cNvPr>
          <p:cNvSpPr txBox="1"/>
          <p:nvPr>
            <p:custDataLst>
              <p:tags r:id="rId148"/>
            </p:custDataLst>
          </p:nvPr>
        </p:nvSpPr>
        <p:spPr>
          <a:xfrm>
            <a:off x="0" y="8780992"/>
            <a:ext cx="3302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7 Tage</a:t>
            </a:r>
          </a:p>
        </p:txBody>
      </p:sp>
      <p:sp>
        <p:nvSpPr>
          <p:cNvPr id="5493" name="OTLSHAPE_T_5aa6116328ae4a149e6d38888221f131_TextPercentage" hidden="1">
            <a:extLst>
              <a:ext uri="{FF2B5EF4-FFF2-40B4-BE49-F238E27FC236}">
                <a16:creationId xmlns:a16="http://schemas.microsoft.com/office/drawing/2014/main" id="{42BE50A7-A045-47D7-90B8-AF745D5ED23D}"/>
              </a:ext>
            </a:extLst>
          </p:cNvPr>
          <p:cNvSpPr txBox="1"/>
          <p:nvPr>
            <p:custDataLst>
              <p:tags r:id="rId149"/>
            </p:custDataLst>
          </p:nvPr>
        </p:nvSpPr>
        <p:spPr>
          <a:xfrm>
            <a:off x="0" y="893601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5494" name="OTLSHAPE_T_5aa6116328ae4a149e6d38888221f131_StartDate" hidden="1">
            <a:extLst>
              <a:ext uri="{FF2B5EF4-FFF2-40B4-BE49-F238E27FC236}">
                <a16:creationId xmlns:a16="http://schemas.microsoft.com/office/drawing/2014/main" id="{ADE679B6-7B9E-4C65-958E-FA1F00929473}"/>
              </a:ext>
            </a:extLst>
          </p:cNvPr>
          <p:cNvSpPr txBox="1"/>
          <p:nvPr>
            <p:custDataLst>
              <p:tags r:id="rId150"/>
            </p:custDataLst>
          </p:nvPr>
        </p:nvSpPr>
        <p:spPr>
          <a:xfrm>
            <a:off x="0" y="8936017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495" name="OTLSHAPE_T_5aa6116328ae4a149e6d38888221f131_EndDate" hidden="1">
            <a:extLst>
              <a:ext uri="{FF2B5EF4-FFF2-40B4-BE49-F238E27FC236}">
                <a16:creationId xmlns:a16="http://schemas.microsoft.com/office/drawing/2014/main" id="{77E257E5-0298-424F-92F9-91CC91B3159E}"/>
              </a:ext>
            </a:extLst>
          </p:cNvPr>
          <p:cNvSpPr txBox="1"/>
          <p:nvPr>
            <p:custDataLst>
              <p:tags r:id="rId151"/>
            </p:custDataLst>
          </p:nvPr>
        </p:nvSpPr>
        <p:spPr>
          <a:xfrm>
            <a:off x="0" y="8936017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496" name="OTLSHAPE_T_5aa6116328ae4a149e6d38888221f131_JoinedDate">
            <a:extLst>
              <a:ext uri="{FF2B5EF4-FFF2-40B4-BE49-F238E27FC236}">
                <a16:creationId xmlns:a16="http://schemas.microsoft.com/office/drawing/2014/main" id="{32B9742A-9EFC-4758-B478-EDC66D938D16}"/>
              </a:ext>
            </a:extLst>
          </p:cNvPr>
          <p:cNvSpPr txBox="1"/>
          <p:nvPr>
            <p:custDataLst>
              <p:tags r:id="rId152"/>
            </p:custDataLst>
          </p:nvPr>
        </p:nvSpPr>
        <p:spPr>
          <a:xfrm>
            <a:off x="7034378" y="8780992"/>
            <a:ext cx="2032000" cy="26356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700" spc="-12">
                <a:solidFill>
                  <a:schemeClr val="dk2"/>
                </a:solidFill>
                <a:latin typeface="Calibri" panose="020F0502020204030204" pitchFamily="34" charset="0"/>
              </a:rPr>
              <a:t>9/15/2019 - 9/22/2019</a:t>
            </a:r>
          </a:p>
        </p:txBody>
      </p:sp>
      <p:sp>
        <p:nvSpPr>
          <p:cNvPr id="5497" name="OTLSHAPE_T_5aa6116328ae4a149e6d38888221f131_Title">
            <a:extLst>
              <a:ext uri="{FF2B5EF4-FFF2-40B4-BE49-F238E27FC236}">
                <a16:creationId xmlns:a16="http://schemas.microsoft.com/office/drawing/2014/main" id="{2B2C386A-34C8-47B3-9727-FFBF818F1D56}"/>
              </a:ext>
            </a:extLst>
          </p:cNvPr>
          <p:cNvSpPr txBox="1"/>
          <p:nvPr>
            <p:custDataLst>
              <p:tags r:id="rId153"/>
            </p:custDataLst>
          </p:nvPr>
        </p:nvSpPr>
        <p:spPr>
          <a:xfrm>
            <a:off x="127000" y="8827516"/>
            <a:ext cx="2489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100" b="1" spc="-2">
                <a:solidFill>
                  <a:schemeClr val="dk1"/>
                </a:solidFill>
                <a:latin typeface="Calibri" panose="020F0502020204030204" pitchFamily="34" charset="0"/>
              </a:rPr>
              <a:t>AdobeXD Projects/Calendar Page (Lidauer)</a:t>
            </a:r>
          </a:p>
        </p:txBody>
      </p:sp>
      <p:sp>
        <p:nvSpPr>
          <p:cNvPr id="5498" name="OTLSHAPE_T_ee2f68e8b1ef4a9f8c5332855d25b8e5_Shape">
            <a:extLst>
              <a:ext uri="{FF2B5EF4-FFF2-40B4-BE49-F238E27FC236}">
                <a16:creationId xmlns:a16="http://schemas.microsoft.com/office/drawing/2014/main" id="{58AC6DCC-274C-4D00-85CC-F8436303C28C}"/>
              </a:ext>
            </a:extLst>
          </p:cNvPr>
          <p:cNvSpPr/>
          <p:nvPr>
            <p:custDataLst>
              <p:tags r:id="rId154"/>
            </p:custDataLst>
          </p:nvPr>
        </p:nvSpPr>
        <p:spPr>
          <a:xfrm>
            <a:off x="6407412" y="9138243"/>
            <a:ext cx="1092200" cy="203200"/>
          </a:xfrm>
          <a:prstGeom prst="rect">
            <a:avLst/>
          </a:prstGeom>
          <a:solidFill>
            <a:srgbClr val="02B2E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499" name="OTLSHAPE_T_ee2f68e8b1ef4a9f8c5332855d25b8e5_ShapePercentage" hidden="1">
            <a:extLst>
              <a:ext uri="{FF2B5EF4-FFF2-40B4-BE49-F238E27FC236}">
                <a16:creationId xmlns:a16="http://schemas.microsoft.com/office/drawing/2014/main" id="{963EFE6D-BE71-4CDF-A5A9-8698F319EC40}"/>
              </a:ext>
            </a:extLst>
          </p:cNvPr>
          <p:cNvSpPr/>
          <p:nvPr>
            <p:custDataLst>
              <p:tags r:id="rId155"/>
            </p:custDataLst>
          </p:nvPr>
        </p:nvSpPr>
        <p:spPr>
          <a:xfrm>
            <a:off x="6407412" y="9138243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500" name="OTLSHAPE_T_ee2f68e8b1ef4a9f8c5332855d25b8e5_Duration" hidden="1">
            <a:extLst>
              <a:ext uri="{FF2B5EF4-FFF2-40B4-BE49-F238E27FC236}">
                <a16:creationId xmlns:a16="http://schemas.microsoft.com/office/drawing/2014/main" id="{DD0BEC72-DE89-4F0A-A6DE-6E820D3298D6}"/>
              </a:ext>
            </a:extLst>
          </p:cNvPr>
          <p:cNvSpPr txBox="1"/>
          <p:nvPr>
            <p:custDataLst>
              <p:tags r:id="rId156"/>
            </p:custDataLst>
          </p:nvPr>
        </p:nvSpPr>
        <p:spPr>
          <a:xfrm>
            <a:off x="0" y="9108059"/>
            <a:ext cx="3937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15 Tage</a:t>
            </a:r>
          </a:p>
        </p:txBody>
      </p:sp>
      <p:sp>
        <p:nvSpPr>
          <p:cNvPr id="5501" name="OTLSHAPE_T_ee2f68e8b1ef4a9f8c5332855d25b8e5_TextPercentage" hidden="1">
            <a:extLst>
              <a:ext uri="{FF2B5EF4-FFF2-40B4-BE49-F238E27FC236}">
                <a16:creationId xmlns:a16="http://schemas.microsoft.com/office/drawing/2014/main" id="{F4974BC3-7B5B-4918-8CEE-55481591A8AF}"/>
              </a:ext>
            </a:extLst>
          </p:cNvPr>
          <p:cNvSpPr txBox="1"/>
          <p:nvPr>
            <p:custDataLst>
              <p:tags r:id="rId157"/>
            </p:custDataLst>
          </p:nvPr>
        </p:nvSpPr>
        <p:spPr>
          <a:xfrm>
            <a:off x="0" y="9263083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5502" name="OTLSHAPE_T_ee2f68e8b1ef4a9f8c5332855d25b8e5_StartDate" hidden="1">
            <a:extLst>
              <a:ext uri="{FF2B5EF4-FFF2-40B4-BE49-F238E27FC236}">
                <a16:creationId xmlns:a16="http://schemas.microsoft.com/office/drawing/2014/main" id="{4D882D76-2857-4BA4-AA67-2860ED0DD972}"/>
              </a:ext>
            </a:extLst>
          </p:cNvPr>
          <p:cNvSpPr txBox="1"/>
          <p:nvPr>
            <p:custDataLst>
              <p:tags r:id="rId158"/>
            </p:custDataLst>
          </p:nvPr>
        </p:nvSpPr>
        <p:spPr>
          <a:xfrm>
            <a:off x="0" y="9263083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503" name="OTLSHAPE_T_ee2f68e8b1ef4a9f8c5332855d25b8e5_EndDate" hidden="1">
            <a:extLst>
              <a:ext uri="{FF2B5EF4-FFF2-40B4-BE49-F238E27FC236}">
                <a16:creationId xmlns:a16="http://schemas.microsoft.com/office/drawing/2014/main" id="{160B1AEB-3D35-4E01-938C-8881ED955108}"/>
              </a:ext>
            </a:extLst>
          </p:cNvPr>
          <p:cNvSpPr txBox="1"/>
          <p:nvPr>
            <p:custDataLst>
              <p:tags r:id="rId159"/>
            </p:custDataLst>
          </p:nvPr>
        </p:nvSpPr>
        <p:spPr>
          <a:xfrm>
            <a:off x="0" y="9263083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504" name="OTLSHAPE_T_ee2f68e8b1ef4a9f8c5332855d25b8e5_JoinedDate">
            <a:extLst>
              <a:ext uri="{FF2B5EF4-FFF2-40B4-BE49-F238E27FC236}">
                <a16:creationId xmlns:a16="http://schemas.microsoft.com/office/drawing/2014/main" id="{374FE962-3B08-4FBD-BF61-27474C6675DC}"/>
              </a:ext>
            </a:extLst>
          </p:cNvPr>
          <p:cNvSpPr txBox="1"/>
          <p:nvPr>
            <p:custDataLst>
              <p:tags r:id="rId160"/>
            </p:custDataLst>
          </p:nvPr>
        </p:nvSpPr>
        <p:spPr>
          <a:xfrm>
            <a:off x="7538566" y="9108059"/>
            <a:ext cx="2032000" cy="26356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700" spc="-12">
                <a:solidFill>
                  <a:schemeClr val="dk2"/>
                </a:solidFill>
                <a:latin typeface="Calibri" panose="020F0502020204030204" pitchFamily="34" charset="0"/>
              </a:rPr>
              <a:t>9/15/2019 - 9/29/2019</a:t>
            </a:r>
          </a:p>
        </p:txBody>
      </p:sp>
      <p:sp>
        <p:nvSpPr>
          <p:cNvPr id="5505" name="OTLSHAPE_T_ee2f68e8b1ef4a9f8c5332855d25b8e5_Title">
            <a:extLst>
              <a:ext uri="{FF2B5EF4-FFF2-40B4-BE49-F238E27FC236}">
                <a16:creationId xmlns:a16="http://schemas.microsoft.com/office/drawing/2014/main" id="{668CC89B-ABD0-42EB-B5DE-13924DBD30C6}"/>
              </a:ext>
            </a:extLst>
          </p:cNvPr>
          <p:cNvSpPr txBox="1"/>
          <p:nvPr>
            <p:custDataLst>
              <p:tags r:id="rId161"/>
            </p:custDataLst>
          </p:nvPr>
        </p:nvSpPr>
        <p:spPr>
          <a:xfrm>
            <a:off x="127000" y="9154583"/>
            <a:ext cx="2819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100" b="1" spc="-2">
                <a:solidFill>
                  <a:schemeClr val="dk1"/>
                </a:solidFill>
                <a:latin typeface="Calibri" panose="020F0502020204030204" pitchFamily="34" charset="0"/>
              </a:rPr>
              <a:t>AdobeXD Single Project Overview Page (Lidauer)</a:t>
            </a:r>
          </a:p>
        </p:txBody>
      </p:sp>
      <p:sp>
        <p:nvSpPr>
          <p:cNvPr id="5506" name="OTLSHAPE_T_264db2009fe6486f9f3700fb0c61098c_Shape">
            <a:extLst>
              <a:ext uri="{FF2B5EF4-FFF2-40B4-BE49-F238E27FC236}">
                <a16:creationId xmlns:a16="http://schemas.microsoft.com/office/drawing/2014/main" id="{CED7B7E5-20D0-403D-917A-C1A6BEC7823F}"/>
              </a:ext>
            </a:extLst>
          </p:cNvPr>
          <p:cNvSpPr/>
          <p:nvPr>
            <p:custDataLst>
              <p:tags r:id="rId162"/>
            </p:custDataLst>
          </p:nvPr>
        </p:nvSpPr>
        <p:spPr>
          <a:xfrm>
            <a:off x="6407412" y="9465310"/>
            <a:ext cx="1524000" cy="203200"/>
          </a:xfrm>
          <a:prstGeom prst="rect">
            <a:avLst/>
          </a:prstGeom>
          <a:solidFill>
            <a:srgbClr val="02B2E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507" name="OTLSHAPE_T_264db2009fe6486f9f3700fb0c61098c_ShapePercentage" hidden="1">
            <a:extLst>
              <a:ext uri="{FF2B5EF4-FFF2-40B4-BE49-F238E27FC236}">
                <a16:creationId xmlns:a16="http://schemas.microsoft.com/office/drawing/2014/main" id="{031A16E1-5CC9-4979-A454-E101E0954394}"/>
              </a:ext>
            </a:extLst>
          </p:cNvPr>
          <p:cNvSpPr/>
          <p:nvPr>
            <p:custDataLst>
              <p:tags r:id="rId163"/>
            </p:custDataLst>
          </p:nvPr>
        </p:nvSpPr>
        <p:spPr>
          <a:xfrm>
            <a:off x="6407412" y="946531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508" name="OTLSHAPE_T_264db2009fe6486f9f3700fb0c61098c_Duration" hidden="1">
            <a:extLst>
              <a:ext uri="{FF2B5EF4-FFF2-40B4-BE49-F238E27FC236}">
                <a16:creationId xmlns:a16="http://schemas.microsoft.com/office/drawing/2014/main" id="{D66E0020-932D-4CBA-83A0-464C3E6C36DA}"/>
              </a:ext>
            </a:extLst>
          </p:cNvPr>
          <p:cNvSpPr txBox="1"/>
          <p:nvPr>
            <p:custDataLst>
              <p:tags r:id="rId164"/>
            </p:custDataLst>
          </p:nvPr>
        </p:nvSpPr>
        <p:spPr>
          <a:xfrm>
            <a:off x="0" y="9435126"/>
            <a:ext cx="3937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21 Tage</a:t>
            </a:r>
          </a:p>
        </p:txBody>
      </p:sp>
      <p:sp>
        <p:nvSpPr>
          <p:cNvPr id="5509" name="OTLSHAPE_T_264db2009fe6486f9f3700fb0c61098c_TextPercentage" hidden="1">
            <a:extLst>
              <a:ext uri="{FF2B5EF4-FFF2-40B4-BE49-F238E27FC236}">
                <a16:creationId xmlns:a16="http://schemas.microsoft.com/office/drawing/2014/main" id="{284BE185-0A27-408B-ABB9-04F39993E7FC}"/>
              </a:ext>
            </a:extLst>
          </p:cNvPr>
          <p:cNvSpPr txBox="1"/>
          <p:nvPr>
            <p:custDataLst>
              <p:tags r:id="rId165"/>
            </p:custDataLst>
          </p:nvPr>
        </p:nvSpPr>
        <p:spPr>
          <a:xfrm>
            <a:off x="0" y="959015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5510" name="OTLSHAPE_T_264db2009fe6486f9f3700fb0c61098c_StartDate" hidden="1">
            <a:extLst>
              <a:ext uri="{FF2B5EF4-FFF2-40B4-BE49-F238E27FC236}">
                <a16:creationId xmlns:a16="http://schemas.microsoft.com/office/drawing/2014/main" id="{19AEA40E-BA40-474C-A10A-6A2FD88F33B0}"/>
              </a:ext>
            </a:extLst>
          </p:cNvPr>
          <p:cNvSpPr txBox="1"/>
          <p:nvPr>
            <p:custDataLst>
              <p:tags r:id="rId166"/>
            </p:custDataLst>
          </p:nvPr>
        </p:nvSpPr>
        <p:spPr>
          <a:xfrm>
            <a:off x="0" y="9590151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511" name="OTLSHAPE_T_264db2009fe6486f9f3700fb0c61098c_EndDate" hidden="1">
            <a:extLst>
              <a:ext uri="{FF2B5EF4-FFF2-40B4-BE49-F238E27FC236}">
                <a16:creationId xmlns:a16="http://schemas.microsoft.com/office/drawing/2014/main" id="{9B08D1AF-73AD-466B-8B61-46EC1CE364A3}"/>
              </a:ext>
            </a:extLst>
          </p:cNvPr>
          <p:cNvSpPr txBox="1"/>
          <p:nvPr>
            <p:custDataLst>
              <p:tags r:id="rId167"/>
            </p:custDataLst>
          </p:nvPr>
        </p:nvSpPr>
        <p:spPr>
          <a:xfrm>
            <a:off x="0" y="9590151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512" name="OTLSHAPE_T_264db2009fe6486f9f3700fb0c61098c_JoinedDate">
            <a:extLst>
              <a:ext uri="{FF2B5EF4-FFF2-40B4-BE49-F238E27FC236}">
                <a16:creationId xmlns:a16="http://schemas.microsoft.com/office/drawing/2014/main" id="{78683049-4FD6-4A88-9947-76EFE0DAB93C}"/>
              </a:ext>
            </a:extLst>
          </p:cNvPr>
          <p:cNvSpPr txBox="1"/>
          <p:nvPr>
            <p:custDataLst>
              <p:tags r:id="rId168"/>
            </p:custDataLst>
          </p:nvPr>
        </p:nvSpPr>
        <p:spPr>
          <a:xfrm>
            <a:off x="7970728" y="9435126"/>
            <a:ext cx="2032000" cy="26356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700" spc="-12">
                <a:solidFill>
                  <a:schemeClr val="dk2"/>
                </a:solidFill>
                <a:latin typeface="Calibri" panose="020F0502020204030204" pitchFamily="34" charset="0"/>
              </a:rPr>
              <a:t>9/15/2019 - 10/5/2019</a:t>
            </a:r>
          </a:p>
        </p:txBody>
      </p:sp>
      <p:sp>
        <p:nvSpPr>
          <p:cNvPr id="5513" name="OTLSHAPE_T_264db2009fe6486f9f3700fb0c61098c_Title">
            <a:extLst>
              <a:ext uri="{FF2B5EF4-FFF2-40B4-BE49-F238E27FC236}">
                <a16:creationId xmlns:a16="http://schemas.microsoft.com/office/drawing/2014/main" id="{606E8D22-AE55-4343-BB37-975AA313B118}"/>
              </a:ext>
            </a:extLst>
          </p:cNvPr>
          <p:cNvSpPr txBox="1"/>
          <p:nvPr>
            <p:custDataLst>
              <p:tags r:id="rId169"/>
            </p:custDataLst>
          </p:nvPr>
        </p:nvSpPr>
        <p:spPr>
          <a:xfrm>
            <a:off x="127000" y="9481651"/>
            <a:ext cx="2590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fr-FR" sz="1100" b="1" spc="-2">
                <a:solidFill>
                  <a:schemeClr val="dk1"/>
                </a:solidFill>
                <a:latin typeface="Calibri" panose="020F0502020204030204" pitchFamily="34" charset="0"/>
              </a:rPr>
              <a:t>AdobeXD Documents&amp;Scripts Page (Lidauer)</a:t>
            </a:r>
            <a:endParaRPr lang="en-GB" sz="1100" b="1" spc="-2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514" name="OTLSHAPE_T_71964515046c4804a7b339e3293b5c1d_Shape">
            <a:extLst>
              <a:ext uri="{FF2B5EF4-FFF2-40B4-BE49-F238E27FC236}">
                <a16:creationId xmlns:a16="http://schemas.microsoft.com/office/drawing/2014/main" id="{D608F1B5-46B0-4B3F-87AF-1993F67C1D64}"/>
              </a:ext>
            </a:extLst>
          </p:cNvPr>
          <p:cNvSpPr/>
          <p:nvPr>
            <p:custDataLst>
              <p:tags r:id="rId170"/>
            </p:custDataLst>
          </p:nvPr>
        </p:nvSpPr>
        <p:spPr>
          <a:xfrm>
            <a:off x="6407412" y="9792377"/>
            <a:ext cx="1879600" cy="203200"/>
          </a:xfrm>
          <a:prstGeom prst="rect">
            <a:avLst/>
          </a:prstGeom>
          <a:solidFill>
            <a:srgbClr val="02B2E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515" name="OTLSHAPE_T_71964515046c4804a7b339e3293b5c1d_ShapePercentage" hidden="1">
            <a:extLst>
              <a:ext uri="{FF2B5EF4-FFF2-40B4-BE49-F238E27FC236}">
                <a16:creationId xmlns:a16="http://schemas.microsoft.com/office/drawing/2014/main" id="{4B28681A-609F-4C4D-919E-8ACA8F1B72B7}"/>
              </a:ext>
            </a:extLst>
          </p:cNvPr>
          <p:cNvSpPr/>
          <p:nvPr>
            <p:custDataLst>
              <p:tags r:id="rId171"/>
            </p:custDataLst>
          </p:nvPr>
        </p:nvSpPr>
        <p:spPr>
          <a:xfrm>
            <a:off x="6407412" y="9792377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516" name="OTLSHAPE_T_71964515046c4804a7b339e3293b5c1d_Duration" hidden="1">
            <a:extLst>
              <a:ext uri="{FF2B5EF4-FFF2-40B4-BE49-F238E27FC236}">
                <a16:creationId xmlns:a16="http://schemas.microsoft.com/office/drawing/2014/main" id="{1C4F60BD-C573-4A91-B7AB-CA4FFC4E2062}"/>
              </a:ext>
            </a:extLst>
          </p:cNvPr>
          <p:cNvSpPr txBox="1"/>
          <p:nvPr>
            <p:custDataLst>
              <p:tags r:id="rId172"/>
            </p:custDataLst>
          </p:nvPr>
        </p:nvSpPr>
        <p:spPr>
          <a:xfrm>
            <a:off x="0" y="9762194"/>
            <a:ext cx="3937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26 Tage</a:t>
            </a:r>
          </a:p>
        </p:txBody>
      </p:sp>
      <p:sp>
        <p:nvSpPr>
          <p:cNvPr id="5517" name="OTLSHAPE_T_71964515046c4804a7b339e3293b5c1d_TextPercentage" hidden="1">
            <a:extLst>
              <a:ext uri="{FF2B5EF4-FFF2-40B4-BE49-F238E27FC236}">
                <a16:creationId xmlns:a16="http://schemas.microsoft.com/office/drawing/2014/main" id="{EF9552CF-DA1C-426C-85C7-243F691B9DD0}"/>
              </a:ext>
            </a:extLst>
          </p:cNvPr>
          <p:cNvSpPr txBox="1"/>
          <p:nvPr>
            <p:custDataLst>
              <p:tags r:id="rId173"/>
            </p:custDataLst>
          </p:nvPr>
        </p:nvSpPr>
        <p:spPr>
          <a:xfrm>
            <a:off x="0" y="991721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5518" name="OTLSHAPE_T_71964515046c4804a7b339e3293b5c1d_StartDate" hidden="1">
            <a:extLst>
              <a:ext uri="{FF2B5EF4-FFF2-40B4-BE49-F238E27FC236}">
                <a16:creationId xmlns:a16="http://schemas.microsoft.com/office/drawing/2014/main" id="{9DC0BC10-973E-4B28-BD0B-C96D5606E81F}"/>
              </a:ext>
            </a:extLst>
          </p:cNvPr>
          <p:cNvSpPr txBox="1"/>
          <p:nvPr>
            <p:custDataLst>
              <p:tags r:id="rId174"/>
            </p:custDataLst>
          </p:nvPr>
        </p:nvSpPr>
        <p:spPr>
          <a:xfrm>
            <a:off x="0" y="9917219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519" name="OTLSHAPE_T_71964515046c4804a7b339e3293b5c1d_EndDate" hidden="1">
            <a:extLst>
              <a:ext uri="{FF2B5EF4-FFF2-40B4-BE49-F238E27FC236}">
                <a16:creationId xmlns:a16="http://schemas.microsoft.com/office/drawing/2014/main" id="{96112D42-A446-43E6-9562-8DBF025BC425}"/>
              </a:ext>
            </a:extLst>
          </p:cNvPr>
          <p:cNvSpPr txBox="1"/>
          <p:nvPr>
            <p:custDataLst>
              <p:tags r:id="rId175"/>
            </p:custDataLst>
          </p:nvPr>
        </p:nvSpPr>
        <p:spPr>
          <a:xfrm>
            <a:off x="0" y="9917219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520" name="OTLSHAPE_T_71964515046c4804a7b339e3293b5c1d_JoinedDate">
            <a:extLst>
              <a:ext uri="{FF2B5EF4-FFF2-40B4-BE49-F238E27FC236}">
                <a16:creationId xmlns:a16="http://schemas.microsoft.com/office/drawing/2014/main" id="{3F0C2A60-D8BB-47CE-9498-1A1EB11E9823}"/>
              </a:ext>
            </a:extLst>
          </p:cNvPr>
          <p:cNvSpPr txBox="1"/>
          <p:nvPr>
            <p:custDataLst>
              <p:tags r:id="rId176"/>
            </p:custDataLst>
          </p:nvPr>
        </p:nvSpPr>
        <p:spPr>
          <a:xfrm>
            <a:off x="8330863" y="9762194"/>
            <a:ext cx="2146300" cy="26356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700" spc="-12">
                <a:solidFill>
                  <a:schemeClr val="dk2"/>
                </a:solidFill>
                <a:latin typeface="Calibri" panose="020F0502020204030204" pitchFamily="34" charset="0"/>
              </a:rPr>
              <a:t>9/15/2019 - 10/10/2019</a:t>
            </a:r>
          </a:p>
        </p:txBody>
      </p:sp>
      <p:sp>
        <p:nvSpPr>
          <p:cNvPr id="5521" name="OTLSHAPE_T_71964515046c4804a7b339e3293b5c1d_Title">
            <a:extLst>
              <a:ext uri="{FF2B5EF4-FFF2-40B4-BE49-F238E27FC236}">
                <a16:creationId xmlns:a16="http://schemas.microsoft.com/office/drawing/2014/main" id="{106ACB33-C8CC-45A9-9ECC-5FE296ABF161}"/>
              </a:ext>
            </a:extLst>
          </p:cNvPr>
          <p:cNvSpPr txBox="1"/>
          <p:nvPr>
            <p:custDataLst>
              <p:tags r:id="rId177"/>
            </p:custDataLst>
          </p:nvPr>
        </p:nvSpPr>
        <p:spPr>
          <a:xfrm>
            <a:off x="127000" y="9808718"/>
            <a:ext cx="2616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100" b="1" spc="-2">
                <a:solidFill>
                  <a:schemeClr val="dk1"/>
                </a:solidFill>
                <a:latin typeface="Calibri" panose="020F0502020204030204" pitchFamily="34" charset="0"/>
              </a:rPr>
              <a:t>AdobeXD Shotlist&amp;Storyboard Page (Lidauer)</a:t>
            </a:r>
          </a:p>
        </p:txBody>
      </p:sp>
      <p:sp>
        <p:nvSpPr>
          <p:cNvPr id="5522" name="OTLSHAPE_T_18ee38847f134fc580886c9d7f9030b0_Shape">
            <a:extLst>
              <a:ext uri="{FF2B5EF4-FFF2-40B4-BE49-F238E27FC236}">
                <a16:creationId xmlns:a16="http://schemas.microsoft.com/office/drawing/2014/main" id="{7B6E6444-E1D2-4C71-ABB6-A47ECD27245F}"/>
              </a:ext>
            </a:extLst>
          </p:cNvPr>
          <p:cNvSpPr/>
          <p:nvPr>
            <p:custDataLst>
              <p:tags r:id="rId178"/>
            </p:custDataLst>
          </p:nvPr>
        </p:nvSpPr>
        <p:spPr>
          <a:xfrm>
            <a:off x="6407412" y="10119444"/>
            <a:ext cx="584200" cy="203200"/>
          </a:xfrm>
          <a:prstGeom prst="rect">
            <a:avLst/>
          </a:prstGeom>
          <a:solidFill>
            <a:srgbClr val="02B2E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523" name="OTLSHAPE_T_18ee38847f134fc580886c9d7f9030b0_ShapePercentage" hidden="1">
            <a:extLst>
              <a:ext uri="{FF2B5EF4-FFF2-40B4-BE49-F238E27FC236}">
                <a16:creationId xmlns:a16="http://schemas.microsoft.com/office/drawing/2014/main" id="{1C9DC018-3EC6-4843-959F-7E210C6C45C6}"/>
              </a:ext>
            </a:extLst>
          </p:cNvPr>
          <p:cNvSpPr/>
          <p:nvPr>
            <p:custDataLst>
              <p:tags r:id="rId179"/>
            </p:custDataLst>
          </p:nvPr>
        </p:nvSpPr>
        <p:spPr>
          <a:xfrm>
            <a:off x="6407412" y="10119444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524" name="OTLSHAPE_T_18ee38847f134fc580886c9d7f9030b0_Duration" hidden="1">
            <a:extLst>
              <a:ext uri="{FF2B5EF4-FFF2-40B4-BE49-F238E27FC236}">
                <a16:creationId xmlns:a16="http://schemas.microsoft.com/office/drawing/2014/main" id="{2173E00D-B77A-4142-9D12-A96D36A2F247}"/>
              </a:ext>
            </a:extLst>
          </p:cNvPr>
          <p:cNvSpPr txBox="1"/>
          <p:nvPr>
            <p:custDataLst>
              <p:tags r:id="rId180"/>
            </p:custDataLst>
          </p:nvPr>
        </p:nvSpPr>
        <p:spPr>
          <a:xfrm>
            <a:off x="0" y="10089261"/>
            <a:ext cx="3302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8 Tage</a:t>
            </a:r>
          </a:p>
        </p:txBody>
      </p:sp>
      <p:sp>
        <p:nvSpPr>
          <p:cNvPr id="5525" name="OTLSHAPE_T_18ee38847f134fc580886c9d7f9030b0_TextPercentage" hidden="1">
            <a:extLst>
              <a:ext uri="{FF2B5EF4-FFF2-40B4-BE49-F238E27FC236}">
                <a16:creationId xmlns:a16="http://schemas.microsoft.com/office/drawing/2014/main" id="{9595D4A4-5E13-4A75-933E-020776A9A852}"/>
              </a:ext>
            </a:extLst>
          </p:cNvPr>
          <p:cNvSpPr txBox="1"/>
          <p:nvPr>
            <p:custDataLst>
              <p:tags r:id="rId181"/>
            </p:custDataLst>
          </p:nvPr>
        </p:nvSpPr>
        <p:spPr>
          <a:xfrm>
            <a:off x="0" y="1024428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5526" name="OTLSHAPE_T_18ee38847f134fc580886c9d7f9030b0_StartDate" hidden="1">
            <a:extLst>
              <a:ext uri="{FF2B5EF4-FFF2-40B4-BE49-F238E27FC236}">
                <a16:creationId xmlns:a16="http://schemas.microsoft.com/office/drawing/2014/main" id="{3922273E-7C9C-4584-ACBC-F453CD5E5E2A}"/>
              </a:ext>
            </a:extLst>
          </p:cNvPr>
          <p:cNvSpPr txBox="1"/>
          <p:nvPr>
            <p:custDataLst>
              <p:tags r:id="rId182"/>
            </p:custDataLst>
          </p:nvPr>
        </p:nvSpPr>
        <p:spPr>
          <a:xfrm>
            <a:off x="0" y="10244286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527" name="OTLSHAPE_T_18ee38847f134fc580886c9d7f9030b0_EndDate" hidden="1">
            <a:extLst>
              <a:ext uri="{FF2B5EF4-FFF2-40B4-BE49-F238E27FC236}">
                <a16:creationId xmlns:a16="http://schemas.microsoft.com/office/drawing/2014/main" id="{D7B49FA7-6639-4625-87C8-F0FEEE38A3E6}"/>
              </a:ext>
            </a:extLst>
          </p:cNvPr>
          <p:cNvSpPr txBox="1"/>
          <p:nvPr>
            <p:custDataLst>
              <p:tags r:id="rId183"/>
            </p:custDataLst>
          </p:nvPr>
        </p:nvSpPr>
        <p:spPr>
          <a:xfrm>
            <a:off x="0" y="10244286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528" name="OTLSHAPE_T_18ee38847f134fc580886c9d7f9030b0_JoinedDate">
            <a:extLst>
              <a:ext uri="{FF2B5EF4-FFF2-40B4-BE49-F238E27FC236}">
                <a16:creationId xmlns:a16="http://schemas.microsoft.com/office/drawing/2014/main" id="{CAE8FC07-41AD-4B78-9225-FCAF99B1E525}"/>
              </a:ext>
            </a:extLst>
          </p:cNvPr>
          <p:cNvSpPr txBox="1"/>
          <p:nvPr>
            <p:custDataLst>
              <p:tags r:id="rId184"/>
            </p:custDataLst>
          </p:nvPr>
        </p:nvSpPr>
        <p:spPr>
          <a:xfrm>
            <a:off x="7034378" y="10089261"/>
            <a:ext cx="2032000" cy="26356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700" spc="-12">
                <a:solidFill>
                  <a:schemeClr val="dk2"/>
                </a:solidFill>
                <a:latin typeface="Calibri" panose="020F0502020204030204" pitchFamily="34" charset="0"/>
              </a:rPr>
              <a:t>9/15/2019 - 9/22/2019</a:t>
            </a:r>
          </a:p>
        </p:txBody>
      </p:sp>
      <p:sp>
        <p:nvSpPr>
          <p:cNvPr id="5529" name="OTLSHAPE_T_18ee38847f134fc580886c9d7f9030b0_Title">
            <a:extLst>
              <a:ext uri="{FF2B5EF4-FFF2-40B4-BE49-F238E27FC236}">
                <a16:creationId xmlns:a16="http://schemas.microsoft.com/office/drawing/2014/main" id="{CA9E3017-5308-4C46-85E4-B2119FE6795A}"/>
              </a:ext>
            </a:extLst>
          </p:cNvPr>
          <p:cNvSpPr txBox="1"/>
          <p:nvPr>
            <p:custDataLst>
              <p:tags r:id="rId185"/>
            </p:custDataLst>
          </p:nvPr>
        </p:nvSpPr>
        <p:spPr>
          <a:xfrm>
            <a:off x="127000" y="10135785"/>
            <a:ext cx="1943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100" b="1" spc="-2">
                <a:solidFill>
                  <a:schemeClr val="dk1"/>
                </a:solidFill>
                <a:latin typeface="Calibri" panose="020F0502020204030204" pitchFamily="34" charset="0"/>
              </a:rPr>
              <a:t>AdobeXD Contacts Page (Lidauer)</a:t>
            </a:r>
          </a:p>
        </p:txBody>
      </p:sp>
      <p:sp>
        <p:nvSpPr>
          <p:cNvPr id="5530" name="OTLSHAPE_T_fd3c1e32a21040adaa8b088d40305476_Shape">
            <a:extLst>
              <a:ext uri="{FF2B5EF4-FFF2-40B4-BE49-F238E27FC236}">
                <a16:creationId xmlns:a16="http://schemas.microsoft.com/office/drawing/2014/main" id="{02BA6CA7-46B1-430E-A1A0-5CAC80BAF0E7}"/>
              </a:ext>
            </a:extLst>
          </p:cNvPr>
          <p:cNvSpPr/>
          <p:nvPr>
            <p:custDataLst>
              <p:tags r:id="rId186"/>
            </p:custDataLst>
          </p:nvPr>
        </p:nvSpPr>
        <p:spPr>
          <a:xfrm>
            <a:off x="6407412" y="10446512"/>
            <a:ext cx="1092200" cy="203200"/>
          </a:xfrm>
          <a:prstGeom prst="rect">
            <a:avLst/>
          </a:prstGeom>
          <a:solidFill>
            <a:srgbClr val="02B2E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531" name="OTLSHAPE_T_fd3c1e32a21040adaa8b088d40305476_ShapePercentage" hidden="1">
            <a:extLst>
              <a:ext uri="{FF2B5EF4-FFF2-40B4-BE49-F238E27FC236}">
                <a16:creationId xmlns:a16="http://schemas.microsoft.com/office/drawing/2014/main" id="{E137C80A-D4CE-4AFB-9DB1-54986CE1DF7A}"/>
              </a:ext>
            </a:extLst>
          </p:cNvPr>
          <p:cNvSpPr/>
          <p:nvPr>
            <p:custDataLst>
              <p:tags r:id="rId187"/>
            </p:custDataLst>
          </p:nvPr>
        </p:nvSpPr>
        <p:spPr>
          <a:xfrm>
            <a:off x="6407412" y="10446512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532" name="OTLSHAPE_T_fd3c1e32a21040adaa8b088d40305476_Duration" hidden="1">
            <a:extLst>
              <a:ext uri="{FF2B5EF4-FFF2-40B4-BE49-F238E27FC236}">
                <a16:creationId xmlns:a16="http://schemas.microsoft.com/office/drawing/2014/main" id="{6699A82C-410A-4CD7-8383-110E2D817628}"/>
              </a:ext>
            </a:extLst>
          </p:cNvPr>
          <p:cNvSpPr txBox="1"/>
          <p:nvPr>
            <p:custDataLst>
              <p:tags r:id="rId188"/>
            </p:custDataLst>
          </p:nvPr>
        </p:nvSpPr>
        <p:spPr>
          <a:xfrm>
            <a:off x="0" y="10416329"/>
            <a:ext cx="3937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15 Tage</a:t>
            </a:r>
          </a:p>
        </p:txBody>
      </p:sp>
      <p:sp>
        <p:nvSpPr>
          <p:cNvPr id="5533" name="OTLSHAPE_T_fd3c1e32a21040adaa8b088d40305476_TextPercentage" hidden="1">
            <a:extLst>
              <a:ext uri="{FF2B5EF4-FFF2-40B4-BE49-F238E27FC236}">
                <a16:creationId xmlns:a16="http://schemas.microsoft.com/office/drawing/2014/main" id="{628E343A-2227-4718-ABC8-8B4CB1AF6396}"/>
              </a:ext>
            </a:extLst>
          </p:cNvPr>
          <p:cNvSpPr txBox="1"/>
          <p:nvPr>
            <p:custDataLst>
              <p:tags r:id="rId189"/>
            </p:custDataLst>
          </p:nvPr>
        </p:nvSpPr>
        <p:spPr>
          <a:xfrm>
            <a:off x="0" y="10571353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5534" name="OTLSHAPE_T_fd3c1e32a21040adaa8b088d40305476_StartDate" hidden="1">
            <a:extLst>
              <a:ext uri="{FF2B5EF4-FFF2-40B4-BE49-F238E27FC236}">
                <a16:creationId xmlns:a16="http://schemas.microsoft.com/office/drawing/2014/main" id="{1FB968F8-2E74-46B7-B06D-9FA6764ED7AF}"/>
              </a:ext>
            </a:extLst>
          </p:cNvPr>
          <p:cNvSpPr txBox="1"/>
          <p:nvPr>
            <p:custDataLst>
              <p:tags r:id="rId190"/>
            </p:custDataLst>
          </p:nvPr>
        </p:nvSpPr>
        <p:spPr>
          <a:xfrm>
            <a:off x="0" y="10571353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535" name="OTLSHAPE_T_fd3c1e32a21040adaa8b088d40305476_EndDate" hidden="1">
            <a:extLst>
              <a:ext uri="{FF2B5EF4-FFF2-40B4-BE49-F238E27FC236}">
                <a16:creationId xmlns:a16="http://schemas.microsoft.com/office/drawing/2014/main" id="{0AC28007-8245-461C-84D8-554F2B7DC3A4}"/>
              </a:ext>
            </a:extLst>
          </p:cNvPr>
          <p:cNvSpPr txBox="1"/>
          <p:nvPr>
            <p:custDataLst>
              <p:tags r:id="rId191"/>
            </p:custDataLst>
          </p:nvPr>
        </p:nvSpPr>
        <p:spPr>
          <a:xfrm>
            <a:off x="0" y="10571353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536" name="OTLSHAPE_T_fd3c1e32a21040adaa8b088d40305476_JoinedDate">
            <a:extLst>
              <a:ext uri="{FF2B5EF4-FFF2-40B4-BE49-F238E27FC236}">
                <a16:creationId xmlns:a16="http://schemas.microsoft.com/office/drawing/2014/main" id="{88F272C4-7B27-4D9A-80CD-2D567B830953}"/>
              </a:ext>
            </a:extLst>
          </p:cNvPr>
          <p:cNvSpPr txBox="1"/>
          <p:nvPr>
            <p:custDataLst>
              <p:tags r:id="rId192"/>
            </p:custDataLst>
          </p:nvPr>
        </p:nvSpPr>
        <p:spPr>
          <a:xfrm>
            <a:off x="7538566" y="10416329"/>
            <a:ext cx="2032000" cy="26356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700" spc="-12">
                <a:solidFill>
                  <a:schemeClr val="dk2"/>
                </a:solidFill>
                <a:latin typeface="Calibri" panose="020F0502020204030204" pitchFamily="34" charset="0"/>
              </a:rPr>
              <a:t>9/15/2019 - 9/29/2019</a:t>
            </a:r>
          </a:p>
        </p:txBody>
      </p:sp>
      <p:sp>
        <p:nvSpPr>
          <p:cNvPr id="5537" name="OTLSHAPE_T_fd3c1e32a21040adaa8b088d40305476_Title">
            <a:extLst>
              <a:ext uri="{FF2B5EF4-FFF2-40B4-BE49-F238E27FC236}">
                <a16:creationId xmlns:a16="http://schemas.microsoft.com/office/drawing/2014/main" id="{00CAA1E7-07D0-4F91-9323-6E1FA8927D83}"/>
              </a:ext>
            </a:extLst>
          </p:cNvPr>
          <p:cNvSpPr txBox="1"/>
          <p:nvPr>
            <p:custDataLst>
              <p:tags r:id="rId193"/>
            </p:custDataLst>
          </p:nvPr>
        </p:nvSpPr>
        <p:spPr>
          <a:xfrm>
            <a:off x="127000" y="10462853"/>
            <a:ext cx="1993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100" b="1" spc="-2">
                <a:solidFill>
                  <a:schemeClr val="dk1"/>
                </a:solidFill>
                <a:latin typeface="Calibri" panose="020F0502020204030204" pitchFamily="34" charset="0"/>
              </a:rPr>
              <a:t>AdobeXD Locations Page (Lidauer)</a:t>
            </a:r>
          </a:p>
        </p:txBody>
      </p:sp>
      <p:sp>
        <p:nvSpPr>
          <p:cNvPr id="5538" name="OTLSHAPE_T_ba2e5b4e4cb94201b6bbef45909cbff2_Shape">
            <a:extLst>
              <a:ext uri="{FF2B5EF4-FFF2-40B4-BE49-F238E27FC236}">
                <a16:creationId xmlns:a16="http://schemas.microsoft.com/office/drawing/2014/main" id="{0C185045-628A-49DF-8400-4CADD29F0F6F}"/>
              </a:ext>
            </a:extLst>
          </p:cNvPr>
          <p:cNvSpPr/>
          <p:nvPr>
            <p:custDataLst>
              <p:tags r:id="rId194"/>
            </p:custDataLst>
          </p:nvPr>
        </p:nvSpPr>
        <p:spPr>
          <a:xfrm>
            <a:off x="6407412" y="10773580"/>
            <a:ext cx="1524000" cy="203200"/>
          </a:xfrm>
          <a:prstGeom prst="rect">
            <a:avLst/>
          </a:prstGeom>
          <a:solidFill>
            <a:srgbClr val="02B2E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539" name="OTLSHAPE_T_ba2e5b4e4cb94201b6bbef45909cbff2_ShapePercentage" hidden="1">
            <a:extLst>
              <a:ext uri="{FF2B5EF4-FFF2-40B4-BE49-F238E27FC236}">
                <a16:creationId xmlns:a16="http://schemas.microsoft.com/office/drawing/2014/main" id="{9D703731-A208-469F-B9DC-AA73A906D039}"/>
              </a:ext>
            </a:extLst>
          </p:cNvPr>
          <p:cNvSpPr/>
          <p:nvPr>
            <p:custDataLst>
              <p:tags r:id="rId195"/>
            </p:custDataLst>
          </p:nvPr>
        </p:nvSpPr>
        <p:spPr>
          <a:xfrm>
            <a:off x="6407412" y="1077358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540" name="OTLSHAPE_T_ba2e5b4e4cb94201b6bbef45909cbff2_Duration" hidden="1">
            <a:extLst>
              <a:ext uri="{FF2B5EF4-FFF2-40B4-BE49-F238E27FC236}">
                <a16:creationId xmlns:a16="http://schemas.microsoft.com/office/drawing/2014/main" id="{274BDAA6-CDFC-4DF5-827E-9F1CC5C28890}"/>
              </a:ext>
            </a:extLst>
          </p:cNvPr>
          <p:cNvSpPr txBox="1"/>
          <p:nvPr>
            <p:custDataLst>
              <p:tags r:id="rId196"/>
            </p:custDataLst>
          </p:nvPr>
        </p:nvSpPr>
        <p:spPr>
          <a:xfrm>
            <a:off x="0" y="10743395"/>
            <a:ext cx="3937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21 Tage</a:t>
            </a:r>
          </a:p>
        </p:txBody>
      </p:sp>
      <p:sp>
        <p:nvSpPr>
          <p:cNvPr id="5541" name="OTLSHAPE_T_ba2e5b4e4cb94201b6bbef45909cbff2_TextPercentage" hidden="1">
            <a:extLst>
              <a:ext uri="{FF2B5EF4-FFF2-40B4-BE49-F238E27FC236}">
                <a16:creationId xmlns:a16="http://schemas.microsoft.com/office/drawing/2014/main" id="{3126D244-EBC6-4799-8A0B-42BF91D31E05}"/>
              </a:ext>
            </a:extLst>
          </p:cNvPr>
          <p:cNvSpPr txBox="1"/>
          <p:nvPr>
            <p:custDataLst>
              <p:tags r:id="rId197"/>
            </p:custDataLst>
          </p:nvPr>
        </p:nvSpPr>
        <p:spPr>
          <a:xfrm>
            <a:off x="0" y="1089842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5542" name="OTLSHAPE_T_ba2e5b4e4cb94201b6bbef45909cbff2_StartDate" hidden="1">
            <a:extLst>
              <a:ext uri="{FF2B5EF4-FFF2-40B4-BE49-F238E27FC236}">
                <a16:creationId xmlns:a16="http://schemas.microsoft.com/office/drawing/2014/main" id="{E363D848-470A-4C0C-8795-2A027425ADF6}"/>
              </a:ext>
            </a:extLst>
          </p:cNvPr>
          <p:cNvSpPr txBox="1"/>
          <p:nvPr>
            <p:custDataLst>
              <p:tags r:id="rId198"/>
            </p:custDataLst>
          </p:nvPr>
        </p:nvSpPr>
        <p:spPr>
          <a:xfrm>
            <a:off x="0" y="10898420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543" name="OTLSHAPE_T_ba2e5b4e4cb94201b6bbef45909cbff2_EndDate" hidden="1">
            <a:extLst>
              <a:ext uri="{FF2B5EF4-FFF2-40B4-BE49-F238E27FC236}">
                <a16:creationId xmlns:a16="http://schemas.microsoft.com/office/drawing/2014/main" id="{D32232E2-B750-4A7C-96FA-1B85E5B1A798}"/>
              </a:ext>
            </a:extLst>
          </p:cNvPr>
          <p:cNvSpPr txBox="1"/>
          <p:nvPr>
            <p:custDataLst>
              <p:tags r:id="rId199"/>
            </p:custDataLst>
          </p:nvPr>
        </p:nvSpPr>
        <p:spPr>
          <a:xfrm>
            <a:off x="0" y="10898420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544" name="OTLSHAPE_T_ba2e5b4e4cb94201b6bbef45909cbff2_JoinedDate">
            <a:extLst>
              <a:ext uri="{FF2B5EF4-FFF2-40B4-BE49-F238E27FC236}">
                <a16:creationId xmlns:a16="http://schemas.microsoft.com/office/drawing/2014/main" id="{652BD066-9582-49E6-80C1-495BC88AB9BE}"/>
              </a:ext>
            </a:extLst>
          </p:cNvPr>
          <p:cNvSpPr txBox="1"/>
          <p:nvPr>
            <p:custDataLst>
              <p:tags r:id="rId200"/>
            </p:custDataLst>
          </p:nvPr>
        </p:nvSpPr>
        <p:spPr>
          <a:xfrm>
            <a:off x="7970728" y="10743395"/>
            <a:ext cx="2032000" cy="26356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700" spc="-12">
                <a:solidFill>
                  <a:schemeClr val="dk2"/>
                </a:solidFill>
                <a:latin typeface="Calibri" panose="020F0502020204030204" pitchFamily="34" charset="0"/>
              </a:rPr>
              <a:t>9/15/2019 - 10/5/2019</a:t>
            </a:r>
          </a:p>
        </p:txBody>
      </p:sp>
      <p:sp>
        <p:nvSpPr>
          <p:cNvPr id="5545" name="OTLSHAPE_T_ba2e5b4e4cb94201b6bbef45909cbff2_Title">
            <a:extLst>
              <a:ext uri="{FF2B5EF4-FFF2-40B4-BE49-F238E27FC236}">
                <a16:creationId xmlns:a16="http://schemas.microsoft.com/office/drawing/2014/main" id="{6552E74B-4EB4-4DC7-9DE2-02CDDD8248A3}"/>
              </a:ext>
            </a:extLst>
          </p:cNvPr>
          <p:cNvSpPr txBox="1"/>
          <p:nvPr>
            <p:custDataLst>
              <p:tags r:id="rId201"/>
            </p:custDataLst>
          </p:nvPr>
        </p:nvSpPr>
        <p:spPr>
          <a:xfrm>
            <a:off x="127000" y="10789920"/>
            <a:ext cx="1841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100" b="1" spc="-2">
                <a:solidFill>
                  <a:schemeClr val="dk1"/>
                </a:solidFill>
                <a:latin typeface="Calibri" panose="020F0502020204030204" pitchFamily="34" charset="0"/>
              </a:rPr>
              <a:t>AdobeXD Library Page (Lidauer)</a:t>
            </a:r>
          </a:p>
        </p:txBody>
      </p:sp>
      <p:sp>
        <p:nvSpPr>
          <p:cNvPr id="5546" name="OTLSHAPE_T_49b6679fedd44b80918c951ea174ab31_Shape">
            <a:extLst>
              <a:ext uri="{FF2B5EF4-FFF2-40B4-BE49-F238E27FC236}">
                <a16:creationId xmlns:a16="http://schemas.microsoft.com/office/drawing/2014/main" id="{D1E66459-546A-4E86-902C-841269B8BEEA}"/>
              </a:ext>
            </a:extLst>
          </p:cNvPr>
          <p:cNvSpPr/>
          <p:nvPr>
            <p:custDataLst>
              <p:tags r:id="rId202"/>
            </p:custDataLst>
          </p:nvPr>
        </p:nvSpPr>
        <p:spPr>
          <a:xfrm>
            <a:off x="7847951" y="11100646"/>
            <a:ext cx="444500" cy="203200"/>
          </a:xfrm>
          <a:prstGeom prst="rect">
            <a:avLst/>
          </a:prstGeom>
          <a:solidFill>
            <a:srgbClr val="02B2E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547" name="OTLSHAPE_T_49b6679fedd44b80918c951ea174ab31_ShapePercentage" hidden="1">
            <a:extLst>
              <a:ext uri="{FF2B5EF4-FFF2-40B4-BE49-F238E27FC236}">
                <a16:creationId xmlns:a16="http://schemas.microsoft.com/office/drawing/2014/main" id="{EE9ECA38-5682-4ADF-9971-FBC11BDFE862}"/>
              </a:ext>
            </a:extLst>
          </p:cNvPr>
          <p:cNvSpPr/>
          <p:nvPr>
            <p:custDataLst>
              <p:tags r:id="rId203"/>
            </p:custDataLst>
          </p:nvPr>
        </p:nvSpPr>
        <p:spPr>
          <a:xfrm>
            <a:off x="7847951" y="11100646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548" name="OTLSHAPE_T_49b6679fedd44b80918c951ea174ab31_Duration" hidden="1">
            <a:extLst>
              <a:ext uri="{FF2B5EF4-FFF2-40B4-BE49-F238E27FC236}">
                <a16:creationId xmlns:a16="http://schemas.microsoft.com/office/drawing/2014/main" id="{74025788-1C45-48BD-B6D7-31401AF25BF5}"/>
              </a:ext>
            </a:extLst>
          </p:cNvPr>
          <p:cNvSpPr txBox="1"/>
          <p:nvPr>
            <p:custDataLst>
              <p:tags r:id="rId204"/>
            </p:custDataLst>
          </p:nvPr>
        </p:nvSpPr>
        <p:spPr>
          <a:xfrm>
            <a:off x="0" y="11070463"/>
            <a:ext cx="3302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6 Tage</a:t>
            </a:r>
          </a:p>
        </p:txBody>
      </p:sp>
      <p:sp>
        <p:nvSpPr>
          <p:cNvPr id="5549" name="OTLSHAPE_T_49b6679fedd44b80918c951ea174ab31_TextPercentage" hidden="1">
            <a:extLst>
              <a:ext uri="{FF2B5EF4-FFF2-40B4-BE49-F238E27FC236}">
                <a16:creationId xmlns:a16="http://schemas.microsoft.com/office/drawing/2014/main" id="{80985A0E-9747-45C2-B0A9-0FB14C61B946}"/>
              </a:ext>
            </a:extLst>
          </p:cNvPr>
          <p:cNvSpPr txBox="1"/>
          <p:nvPr>
            <p:custDataLst>
              <p:tags r:id="rId205"/>
            </p:custDataLst>
          </p:nvPr>
        </p:nvSpPr>
        <p:spPr>
          <a:xfrm>
            <a:off x="0" y="1122548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5550" name="OTLSHAPE_T_49b6679fedd44b80918c951ea174ab31_StartDate" hidden="1">
            <a:extLst>
              <a:ext uri="{FF2B5EF4-FFF2-40B4-BE49-F238E27FC236}">
                <a16:creationId xmlns:a16="http://schemas.microsoft.com/office/drawing/2014/main" id="{80A859E3-C53A-4E27-824D-26E3C62223F3}"/>
              </a:ext>
            </a:extLst>
          </p:cNvPr>
          <p:cNvSpPr txBox="1"/>
          <p:nvPr>
            <p:custDataLst>
              <p:tags r:id="rId206"/>
            </p:custDataLst>
          </p:nvPr>
        </p:nvSpPr>
        <p:spPr>
          <a:xfrm>
            <a:off x="0" y="11225488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551" name="OTLSHAPE_T_49b6679fedd44b80918c951ea174ab31_EndDate" hidden="1">
            <a:extLst>
              <a:ext uri="{FF2B5EF4-FFF2-40B4-BE49-F238E27FC236}">
                <a16:creationId xmlns:a16="http://schemas.microsoft.com/office/drawing/2014/main" id="{C595AD36-40D7-44D6-A341-BDB618352C40}"/>
              </a:ext>
            </a:extLst>
          </p:cNvPr>
          <p:cNvSpPr txBox="1"/>
          <p:nvPr>
            <p:custDataLst>
              <p:tags r:id="rId207"/>
            </p:custDataLst>
          </p:nvPr>
        </p:nvSpPr>
        <p:spPr>
          <a:xfrm>
            <a:off x="0" y="11225488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552" name="OTLSHAPE_T_49b6679fedd44b80918c951ea174ab31_JoinedDate">
            <a:extLst>
              <a:ext uri="{FF2B5EF4-FFF2-40B4-BE49-F238E27FC236}">
                <a16:creationId xmlns:a16="http://schemas.microsoft.com/office/drawing/2014/main" id="{7E661625-92ED-4DC1-AE1E-11B50F478A31}"/>
              </a:ext>
            </a:extLst>
          </p:cNvPr>
          <p:cNvSpPr txBox="1"/>
          <p:nvPr>
            <p:custDataLst>
              <p:tags r:id="rId208"/>
            </p:custDataLst>
          </p:nvPr>
        </p:nvSpPr>
        <p:spPr>
          <a:xfrm>
            <a:off x="8330863" y="11070463"/>
            <a:ext cx="2146300" cy="26356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700" spc="-12">
                <a:solidFill>
                  <a:schemeClr val="dk2"/>
                </a:solidFill>
                <a:latin typeface="Calibri" panose="020F0502020204030204" pitchFamily="34" charset="0"/>
              </a:rPr>
              <a:t>10/5/2019 - 10/10/2019</a:t>
            </a:r>
          </a:p>
        </p:txBody>
      </p:sp>
      <p:sp>
        <p:nvSpPr>
          <p:cNvPr id="5553" name="OTLSHAPE_T_49b6679fedd44b80918c951ea174ab31_Title">
            <a:extLst>
              <a:ext uri="{FF2B5EF4-FFF2-40B4-BE49-F238E27FC236}">
                <a16:creationId xmlns:a16="http://schemas.microsoft.com/office/drawing/2014/main" id="{C9C54260-9388-4358-909A-4F80E7C494BD}"/>
              </a:ext>
            </a:extLst>
          </p:cNvPr>
          <p:cNvSpPr txBox="1"/>
          <p:nvPr>
            <p:custDataLst>
              <p:tags r:id="rId209"/>
            </p:custDataLst>
          </p:nvPr>
        </p:nvSpPr>
        <p:spPr>
          <a:xfrm>
            <a:off x="127000" y="11116987"/>
            <a:ext cx="2425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100" b="1" spc="-4">
                <a:solidFill>
                  <a:schemeClr val="dk1"/>
                </a:solidFill>
                <a:latin typeface="Calibri" panose="020F0502020204030204" pitchFamily="34" charset="0"/>
              </a:rPr>
              <a:t>AdobeXD Editing-Windows Page (Lidauer)</a:t>
            </a:r>
          </a:p>
        </p:txBody>
      </p:sp>
      <p:sp>
        <p:nvSpPr>
          <p:cNvPr id="5554" name="OTLSHAPE_T_43f4774306dc496288f2e7fe819fb584_Shape">
            <a:extLst>
              <a:ext uri="{FF2B5EF4-FFF2-40B4-BE49-F238E27FC236}">
                <a16:creationId xmlns:a16="http://schemas.microsoft.com/office/drawing/2014/main" id="{8007AC8C-8271-4BCF-AC8F-46B39BA19E86}"/>
              </a:ext>
            </a:extLst>
          </p:cNvPr>
          <p:cNvSpPr/>
          <p:nvPr>
            <p:custDataLst>
              <p:tags r:id="rId210"/>
            </p:custDataLst>
          </p:nvPr>
        </p:nvSpPr>
        <p:spPr>
          <a:xfrm>
            <a:off x="7559843" y="11397531"/>
            <a:ext cx="8788400" cy="203200"/>
          </a:xfrm>
          <a:prstGeom prst="rect">
            <a:avLst/>
          </a:prstGeom>
          <a:solidFill>
            <a:srgbClr val="2F3699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555" name="OTLSHAPE_T_43f4774306dc496288f2e7fe819fb584_ShapePercentage" hidden="1">
            <a:extLst>
              <a:ext uri="{FF2B5EF4-FFF2-40B4-BE49-F238E27FC236}">
                <a16:creationId xmlns:a16="http://schemas.microsoft.com/office/drawing/2014/main" id="{F172FA72-7EC1-429C-BA14-D6F46E782A8E}"/>
              </a:ext>
            </a:extLst>
          </p:cNvPr>
          <p:cNvSpPr/>
          <p:nvPr>
            <p:custDataLst>
              <p:tags r:id="rId211"/>
            </p:custDataLst>
          </p:nvPr>
        </p:nvSpPr>
        <p:spPr>
          <a:xfrm>
            <a:off x="7559843" y="11397531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556" name="OTLSHAPE_T_43f4774306dc496288f2e7fe819fb584_Duration" hidden="1">
            <a:extLst>
              <a:ext uri="{FF2B5EF4-FFF2-40B4-BE49-F238E27FC236}">
                <a16:creationId xmlns:a16="http://schemas.microsoft.com/office/drawing/2014/main" id="{63AC6B9D-1972-4C24-B035-EA0C19026D1E}"/>
              </a:ext>
            </a:extLst>
          </p:cNvPr>
          <p:cNvSpPr txBox="1"/>
          <p:nvPr>
            <p:custDataLst>
              <p:tags r:id="rId212"/>
            </p:custDataLst>
          </p:nvPr>
        </p:nvSpPr>
        <p:spPr>
          <a:xfrm>
            <a:off x="0" y="11397531"/>
            <a:ext cx="4572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122 Tage</a:t>
            </a:r>
          </a:p>
        </p:txBody>
      </p:sp>
      <p:sp>
        <p:nvSpPr>
          <p:cNvPr id="5557" name="OTLSHAPE_T_43f4774306dc496288f2e7fe819fb584_TextPercentage" hidden="1">
            <a:extLst>
              <a:ext uri="{FF2B5EF4-FFF2-40B4-BE49-F238E27FC236}">
                <a16:creationId xmlns:a16="http://schemas.microsoft.com/office/drawing/2014/main" id="{C03053CD-9ACF-4C70-9138-1FFE556F4E45}"/>
              </a:ext>
            </a:extLst>
          </p:cNvPr>
          <p:cNvSpPr txBox="1"/>
          <p:nvPr>
            <p:custDataLst>
              <p:tags r:id="rId213"/>
            </p:custDataLst>
          </p:nvPr>
        </p:nvSpPr>
        <p:spPr>
          <a:xfrm>
            <a:off x="0" y="1155255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5558" name="OTLSHAPE_T_43f4774306dc496288f2e7fe819fb584_StartDate" hidden="1">
            <a:extLst>
              <a:ext uri="{FF2B5EF4-FFF2-40B4-BE49-F238E27FC236}">
                <a16:creationId xmlns:a16="http://schemas.microsoft.com/office/drawing/2014/main" id="{C67E00F6-860B-4D8E-BECB-DB78D51FAC39}"/>
              </a:ext>
            </a:extLst>
          </p:cNvPr>
          <p:cNvSpPr txBox="1"/>
          <p:nvPr>
            <p:custDataLst>
              <p:tags r:id="rId214"/>
            </p:custDataLst>
          </p:nvPr>
        </p:nvSpPr>
        <p:spPr>
          <a:xfrm>
            <a:off x="0" y="1155255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559" name="OTLSHAPE_T_43f4774306dc496288f2e7fe819fb584_EndDate" hidden="1">
            <a:extLst>
              <a:ext uri="{FF2B5EF4-FFF2-40B4-BE49-F238E27FC236}">
                <a16:creationId xmlns:a16="http://schemas.microsoft.com/office/drawing/2014/main" id="{DEC6CBAE-134D-4593-940B-F0FE63B2B9E6}"/>
              </a:ext>
            </a:extLst>
          </p:cNvPr>
          <p:cNvSpPr txBox="1"/>
          <p:nvPr>
            <p:custDataLst>
              <p:tags r:id="rId215"/>
            </p:custDataLst>
          </p:nvPr>
        </p:nvSpPr>
        <p:spPr>
          <a:xfrm>
            <a:off x="0" y="1155255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560" name="OTLSHAPE_T_43f4774306dc496288f2e7fe819fb584_JoinedDate">
            <a:extLst>
              <a:ext uri="{FF2B5EF4-FFF2-40B4-BE49-F238E27FC236}">
                <a16:creationId xmlns:a16="http://schemas.microsoft.com/office/drawing/2014/main" id="{DC7691E5-4E93-4E55-B5BD-DE375771DD8F}"/>
              </a:ext>
            </a:extLst>
          </p:cNvPr>
          <p:cNvSpPr txBox="1"/>
          <p:nvPr>
            <p:custDataLst>
              <p:tags r:id="rId216"/>
            </p:custDataLst>
          </p:nvPr>
        </p:nvSpPr>
        <p:spPr>
          <a:xfrm>
            <a:off x="16397880" y="11421618"/>
            <a:ext cx="1206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6">
                <a:solidFill>
                  <a:schemeClr val="dk2"/>
                </a:solidFill>
                <a:latin typeface="Calibri" panose="020F0502020204030204" pitchFamily="34" charset="0"/>
              </a:rPr>
              <a:t>10/1/2019 - 1/30/2020</a:t>
            </a:r>
          </a:p>
        </p:txBody>
      </p:sp>
      <p:sp>
        <p:nvSpPr>
          <p:cNvPr id="5561" name="OTLSHAPE_T_43f4774306dc496288f2e7fe819fb584_Title">
            <a:extLst>
              <a:ext uri="{FF2B5EF4-FFF2-40B4-BE49-F238E27FC236}">
                <a16:creationId xmlns:a16="http://schemas.microsoft.com/office/drawing/2014/main" id="{55DF12AA-7F83-4DE4-80A4-FBF3263808E7}"/>
              </a:ext>
            </a:extLst>
          </p:cNvPr>
          <p:cNvSpPr txBox="1"/>
          <p:nvPr>
            <p:custDataLst>
              <p:tags r:id="rId217"/>
            </p:custDataLst>
          </p:nvPr>
        </p:nvSpPr>
        <p:spPr>
          <a:xfrm>
            <a:off x="127000" y="11413871"/>
            <a:ext cx="1016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4">
                <a:solidFill>
                  <a:schemeClr val="dk1"/>
                </a:solidFill>
                <a:latin typeface="Calibri" panose="020F0502020204030204" pitchFamily="34" charset="0"/>
              </a:rPr>
              <a:t>GUI UMSETZUNG</a:t>
            </a:r>
          </a:p>
        </p:txBody>
      </p:sp>
      <p:sp>
        <p:nvSpPr>
          <p:cNvPr id="5562" name="OTLSHAPE_T_e68ed40d4b83438e8cad58acf3860f3b_Shape">
            <a:extLst>
              <a:ext uri="{FF2B5EF4-FFF2-40B4-BE49-F238E27FC236}">
                <a16:creationId xmlns:a16="http://schemas.microsoft.com/office/drawing/2014/main" id="{5DA19BAE-A360-4431-A077-57F4663BCC64}"/>
              </a:ext>
            </a:extLst>
          </p:cNvPr>
          <p:cNvSpPr/>
          <p:nvPr>
            <p:custDataLst>
              <p:tags r:id="rId218"/>
            </p:custDataLst>
          </p:nvPr>
        </p:nvSpPr>
        <p:spPr>
          <a:xfrm>
            <a:off x="8208086" y="11694414"/>
            <a:ext cx="1587500" cy="203200"/>
          </a:xfrm>
          <a:prstGeom prst="rect">
            <a:avLst/>
          </a:prstGeom>
          <a:solidFill>
            <a:schemeClr val="accent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563" name="OTLSHAPE_T_e68ed40d4b83438e8cad58acf3860f3b_ShapePercentage" hidden="1">
            <a:extLst>
              <a:ext uri="{FF2B5EF4-FFF2-40B4-BE49-F238E27FC236}">
                <a16:creationId xmlns:a16="http://schemas.microsoft.com/office/drawing/2014/main" id="{D334EB91-23B7-4051-89E6-B46E2E9094A5}"/>
              </a:ext>
            </a:extLst>
          </p:cNvPr>
          <p:cNvSpPr/>
          <p:nvPr>
            <p:custDataLst>
              <p:tags r:id="rId219"/>
            </p:custDataLst>
          </p:nvPr>
        </p:nvSpPr>
        <p:spPr>
          <a:xfrm>
            <a:off x="8208086" y="11694414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564" name="OTLSHAPE_T_e68ed40d4b83438e8cad58acf3860f3b_Duration" hidden="1">
            <a:extLst>
              <a:ext uri="{FF2B5EF4-FFF2-40B4-BE49-F238E27FC236}">
                <a16:creationId xmlns:a16="http://schemas.microsoft.com/office/drawing/2014/main" id="{B5F8A9B8-3EF6-4223-98E6-8DCA0BD1E1D0}"/>
              </a:ext>
            </a:extLst>
          </p:cNvPr>
          <p:cNvSpPr txBox="1"/>
          <p:nvPr>
            <p:custDataLst>
              <p:tags r:id="rId220"/>
            </p:custDataLst>
          </p:nvPr>
        </p:nvSpPr>
        <p:spPr>
          <a:xfrm>
            <a:off x="0" y="11664231"/>
            <a:ext cx="3937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22 Tage</a:t>
            </a:r>
          </a:p>
        </p:txBody>
      </p:sp>
      <p:sp>
        <p:nvSpPr>
          <p:cNvPr id="5565" name="OTLSHAPE_T_e68ed40d4b83438e8cad58acf3860f3b_TextPercentage" hidden="1">
            <a:extLst>
              <a:ext uri="{FF2B5EF4-FFF2-40B4-BE49-F238E27FC236}">
                <a16:creationId xmlns:a16="http://schemas.microsoft.com/office/drawing/2014/main" id="{0B251D23-5EDA-4AF9-ABB8-61CD7394248F}"/>
              </a:ext>
            </a:extLst>
          </p:cNvPr>
          <p:cNvSpPr txBox="1"/>
          <p:nvPr>
            <p:custDataLst>
              <p:tags r:id="rId221"/>
            </p:custDataLst>
          </p:nvPr>
        </p:nvSpPr>
        <p:spPr>
          <a:xfrm>
            <a:off x="0" y="1181925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5566" name="OTLSHAPE_T_e68ed40d4b83438e8cad58acf3860f3b_StartDate" hidden="1">
            <a:extLst>
              <a:ext uri="{FF2B5EF4-FFF2-40B4-BE49-F238E27FC236}">
                <a16:creationId xmlns:a16="http://schemas.microsoft.com/office/drawing/2014/main" id="{95E0FBD9-1343-4C3D-AFB8-1DED9A75C59E}"/>
              </a:ext>
            </a:extLst>
          </p:cNvPr>
          <p:cNvSpPr txBox="1"/>
          <p:nvPr>
            <p:custDataLst>
              <p:tags r:id="rId222"/>
            </p:custDataLst>
          </p:nvPr>
        </p:nvSpPr>
        <p:spPr>
          <a:xfrm>
            <a:off x="0" y="11819255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567" name="OTLSHAPE_T_e68ed40d4b83438e8cad58acf3860f3b_EndDate" hidden="1">
            <a:extLst>
              <a:ext uri="{FF2B5EF4-FFF2-40B4-BE49-F238E27FC236}">
                <a16:creationId xmlns:a16="http://schemas.microsoft.com/office/drawing/2014/main" id="{CED021D3-04E9-43F0-83A1-34AACC839778}"/>
              </a:ext>
            </a:extLst>
          </p:cNvPr>
          <p:cNvSpPr txBox="1"/>
          <p:nvPr>
            <p:custDataLst>
              <p:tags r:id="rId223"/>
            </p:custDataLst>
          </p:nvPr>
        </p:nvSpPr>
        <p:spPr>
          <a:xfrm>
            <a:off x="0" y="11819255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568" name="OTLSHAPE_T_e68ed40d4b83438e8cad58acf3860f3b_JoinedDate">
            <a:extLst>
              <a:ext uri="{FF2B5EF4-FFF2-40B4-BE49-F238E27FC236}">
                <a16:creationId xmlns:a16="http://schemas.microsoft.com/office/drawing/2014/main" id="{5CC2F327-C5A0-402F-A5C3-C4C64F00E2CB}"/>
              </a:ext>
            </a:extLst>
          </p:cNvPr>
          <p:cNvSpPr txBox="1"/>
          <p:nvPr>
            <p:custDataLst>
              <p:tags r:id="rId224"/>
            </p:custDataLst>
          </p:nvPr>
        </p:nvSpPr>
        <p:spPr>
          <a:xfrm>
            <a:off x="9843429" y="11664231"/>
            <a:ext cx="2260600" cy="26356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700" spc="-10">
                <a:solidFill>
                  <a:schemeClr val="dk2"/>
                </a:solidFill>
                <a:latin typeface="Calibri" panose="020F0502020204030204" pitchFamily="34" charset="0"/>
              </a:rPr>
              <a:t>10/10/2019 - 10/31/2019</a:t>
            </a:r>
          </a:p>
        </p:txBody>
      </p:sp>
      <p:sp>
        <p:nvSpPr>
          <p:cNvPr id="5569" name="OTLSHAPE_T_e68ed40d4b83438e8cad58acf3860f3b_Title">
            <a:extLst>
              <a:ext uri="{FF2B5EF4-FFF2-40B4-BE49-F238E27FC236}">
                <a16:creationId xmlns:a16="http://schemas.microsoft.com/office/drawing/2014/main" id="{649F039E-037C-4DE8-BC86-3E86E0EE82ED}"/>
              </a:ext>
            </a:extLst>
          </p:cNvPr>
          <p:cNvSpPr txBox="1"/>
          <p:nvPr>
            <p:custDataLst>
              <p:tags r:id="rId225"/>
            </p:custDataLst>
          </p:nvPr>
        </p:nvSpPr>
        <p:spPr>
          <a:xfrm>
            <a:off x="127000" y="11710755"/>
            <a:ext cx="1701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100" b="1" spc="-6">
                <a:solidFill>
                  <a:schemeClr val="dk1"/>
                </a:solidFill>
                <a:latin typeface="Calibri" panose="020F0502020204030204" pitchFamily="34" charset="0"/>
              </a:rPr>
              <a:t>Menu Bar (Lidauer, Fettinger)</a:t>
            </a:r>
          </a:p>
        </p:txBody>
      </p:sp>
      <p:sp>
        <p:nvSpPr>
          <p:cNvPr id="5570" name="OTLSHAPE_T_46e0bf66e5ab4033a4b3a57a033fb277_Shape">
            <a:extLst>
              <a:ext uri="{FF2B5EF4-FFF2-40B4-BE49-F238E27FC236}">
                <a16:creationId xmlns:a16="http://schemas.microsoft.com/office/drawing/2014/main" id="{65062D0A-D9D0-42B6-81FE-87754CBE417B}"/>
              </a:ext>
            </a:extLst>
          </p:cNvPr>
          <p:cNvSpPr/>
          <p:nvPr>
            <p:custDataLst>
              <p:tags r:id="rId226"/>
            </p:custDataLst>
          </p:nvPr>
        </p:nvSpPr>
        <p:spPr>
          <a:xfrm>
            <a:off x="8208086" y="12021481"/>
            <a:ext cx="3746500" cy="203200"/>
          </a:xfrm>
          <a:prstGeom prst="rect">
            <a:avLst/>
          </a:prstGeom>
          <a:solidFill>
            <a:srgbClr val="02B2E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571" name="OTLSHAPE_T_46e0bf66e5ab4033a4b3a57a033fb277_ShapePercentage" hidden="1">
            <a:extLst>
              <a:ext uri="{FF2B5EF4-FFF2-40B4-BE49-F238E27FC236}">
                <a16:creationId xmlns:a16="http://schemas.microsoft.com/office/drawing/2014/main" id="{34D756FB-2DA4-4533-B118-93478411956E}"/>
              </a:ext>
            </a:extLst>
          </p:cNvPr>
          <p:cNvSpPr/>
          <p:nvPr>
            <p:custDataLst>
              <p:tags r:id="rId227"/>
            </p:custDataLst>
          </p:nvPr>
        </p:nvSpPr>
        <p:spPr>
          <a:xfrm>
            <a:off x="8208086" y="12021481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572" name="OTLSHAPE_T_46e0bf66e5ab4033a4b3a57a033fb277_Duration" hidden="1">
            <a:extLst>
              <a:ext uri="{FF2B5EF4-FFF2-40B4-BE49-F238E27FC236}">
                <a16:creationId xmlns:a16="http://schemas.microsoft.com/office/drawing/2014/main" id="{30FE7701-6DA8-4EC8-9A69-B90FF111D165}"/>
              </a:ext>
            </a:extLst>
          </p:cNvPr>
          <p:cNvSpPr txBox="1"/>
          <p:nvPr>
            <p:custDataLst>
              <p:tags r:id="rId228"/>
            </p:custDataLst>
          </p:nvPr>
        </p:nvSpPr>
        <p:spPr>
          <a:xfrm>
            <a:off x="0" y="11991298"/>
            <a:ext cx="3937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52 Tage</a:t>
            </a:r>
          </a:p>
        </p:txBody>
      </p:sp>
      <p:sp>
        <p:nvSpPr>
          <p:cNvPr id="5573" name="OTLSHAPE_T_46e0bf66e5ab4033a4b3a57a033fb277_TextPercentage" hidden="1">
            <a:extLst>
              <a:ext uri="{FF2B5EF4-FFF2-40B4-BE49-F238E27FC236}">
                <a16:creationId xmlns:a16="http://schemas.microsoft.com/office/drawing/2014/main" id="{F5DD3B5C-1749-4D32-95A4-4FF797EF500C}"/>
              </a:ext>
            </a:extLst>
          </p:cNvPr>
          <p:cNvSpPr txBox="1"/>
          <p:nvPr>
            <p:custDataLst>
              <p:tags r:id="rId229"/>
            </p:custDataLst>
          </p:nvPr>
        </p:nvSpPr>
        <p:spPr>
          <a:xfrm>
            <a:off x="0" y="12146322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5574" name="OTLSHAPE_T_46e0bf66e5ab4033a4b3a57a033fb277_StartDate" hidden="1">
            <a:extLst>
              <a:ext uri="{FF2B5EF4-FFF2-40B4-BE49-F238E27FC236}">
                <a16:creationId xmlns:a16="http://schemas.microsoft.com/office/drawing/2014/main" id="{33CF499C-B591-45AF-B275-792B90CAD3CA}"/>
              </a:ext>
            </a:extLst>
          </p:cNvPr>
          <p:cNvSpPr txBox="1"/>
          <p:nvPr>
            <p:custDataLst>
              <p:tags r:id="rId230"/>
            </p:custDataLst>
          </p:nvPr>
        </p:nvSpPr>
        <p:spPr>
          <a:xfrm>
            <a:off x="0" y="12146322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575" name="OTLSHAPE_T_46e0bf66e5ab4033a4b3a57a033fb277_EndDate" hidden="1">
            <a:extLst>
              <a:ext uri="{FF2B5EF4-FFF2-40B4-BE49-F238E27FC236}">
                <a16:creationId xmlns:a16="http://schemas.microsoft.com/office/drawing/2014/main" id="{2FE09A14-EEB7-4D8B-B797-081D9D4F88D0}"/>
              </a:ext>
            </a:extLst>
          </p:cNvPr>
          <p:cNvSpPr txBox="1"/>
          <p:nvPr>
            <p:custDataLst>
              <p:tags r:id="rId231"/>
            </p:custDataLst>
          </p:nvPr>
        </p:nvSpPr>
        <p:spPr>
          <a:xfrm>
            <a:off x="0" y="12146322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576" name="OTLSHAPE_T_46e0bf66e5ab4033a4b3a57a033fb277_JoinedDate">
            <a:extLst>
              <a:ext uri="{FF2B5EF4-FFF2-40B4-BE49-F238E27FC236}">
                <a16:creationId xmlns:a16="http://schemas.microsoft.com/office/drawing/2014/main" id="{2ED1529D-C237-4E13-8D85-6339DB8A9142}"/>
              </a:ext>
            </a:extLst>
          </p:cNvPr>
          <p:cNvSpPr txBox="1"/>
          <p:nvPr>
            <p:custDataLst>
              <p:tags r:id="rId232"/>
            </p:custDataLst>
          </p:nvPr>
        </p:nvSpPr>
        <p:spPr>
          <a:xfrm>
            <a:off x="12004237" y="11991298"/>
            <a:ext cx="2260600" cy="26356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700" spc="-10">
                <a:solidFill>
                  <a:schemeClr val="dk2"/>
                </a:solidFill>
                <a:latin typeface="Calibri" panose="020F0502020204030204" pitchFamily="34" charset="0"/>
              </a:rPr>
              <a:t>10/10/2019 - 11/30/2019</a:t>
            </a:r>
          </a:p>
        </p:txBody>
      </p:sp>
      <p:sp>
        <p:nvSpPr>
          <p:cNvPr id="5577" name="OTLSHAPE_T_46e0bf66e5ab4033a4b3a57a033fb277_Title">
            <a:extLst>
              <a:ext uri="{FF2B5EF4-FFF2-40B4-BE49-F238E27FC236}">
                <a16:creationId xmlns:a16="http://schemas.microsoft.com/office/drawing/2014/main" id="{E31E36C9-1ED1-4C9C-9737-277BC0B85FBC}"/>
              </a:ext>
            </a:extLst>
          </p:cNvPr>
          <p:cNvSpPr txBox="1"/>
          <p:nvPr>
            <p:custDataLst>
              <p:tags r:id="rId233"/>
            </p:custDataLst>
          </p:nvPr>
        </p:nvSpPr>
        <p:spPr>
          <a:xfrm>
            <a:off x="127000" y="12037822"/>
            <a:ext cx="1905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100" b="1" spc="-2">
                <a:solidFill>
                  <a:schemeClr val="dk1"/>
                </a:solidFill>
                <a:latin typeface="Calibri" panose="020F0502020204030204" pitchFamily="34" charset="0"/>
              </a:rPr>
              <a:t>Projects/Calendar Page (Lidauer)</a:t>
            </a:r>
          </a:p>
        </p:txBody>
      </p:sp>
      <p:sp>
        <p:nvSpPr>
          <p:cNvPr id="5578" name="OTLSHAPE_T_21b58c5a4cd943b3802f5e9de07d7b6c_Shape">
            <a:extLst>
              <a:ext uri="{FF2B5EF4-FFF2-40B4-BE49-F238E27FC236}">
                <a16:creationId xmlns:a16="http://schemas.microsoft.com/office/drawing/2014/main" id="{D71870A0-B189-44EE-B99B-C7AD900AD6EE}"/>
              </a:ext>
            </a:extLst>
          </p:cNvPr>
          <p:cNvSpPr/>
          <p:nvPr>
            <p:custDataLst>
              <p:tags r:id="rId234"/>
            </p:custDataLst>
          </p:nvPr>
        </p:nvSpPr>
        <p:spPr>
          <a:xfrm>
            <a:off x="9648625" y="12348549"/>
            <a:ext cx="3390900" cy="203200"/>
          </a:xfrm>
          <a:prstGeom prst="rect">
            <a:avLst/>
          </a:prstGeom>
          <a:solidFill>
            <a:srgbClr val="02B2E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579" name="OTLSHAPE_T_21b58c5a4cd943b3802f5e9de07d7b6c_ShapePercentage" hidden="1">
            <a:extLst>
              <a:ext uri="{FF2B5EF4-FFF2-40B4-BE49-F238E27FC236}">
                <a16:creationId xmlns:a16="http://schemas.microsoft.com/office/drawing/2014/main" id="{2D402E05-8186-48E1-B4E3-E8B5FFA29660}"/>
              </a:ext>
            </a:extLst>
          </p:cNvPr>
          <p:cNvSpPr/>
          <p:nvPr>
            <p:custDataLst>
              <p:tags r:id="rId235"/>
            </p:custDataLst>
          </p:nvPr>
        </p:nvSpPr>
        <p:spPr>
          <a:xfrm>
            <a:off x="9648625" y="12348549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580" name="OTLSHAPE_T_21b58c5a4cd943b3802f5e9de07d7b6c_Duration" hidden="1">
            <a:extLst>
              <a:ext uri="{FF2B5EF4-FFF2-40B4-BE49-F238E27FC236}">
                <a16:creationId xmlns:a16="http://schemas.microsoft.com/office/drawing/2014/main" id="{9E2935E4-5022-4D72-B67D-A61E5AE92237}"/>
              </a:ext>
            </a:extLst>
          </p:cNvPr>
          <p:cNvSpPr txBox="1"/>
          <p:nvPr>
            <p:custDataLst>
              <p:tags r:id="rId236"/>
            </p:custDataLst>
          </p:nvPr>
        </p:nvSpPr>
        <p:spPr>
          <a:xfrm>
            <a:off x="0" y="12318365"/>
            <a:ext cx="3937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47 Tage</a:t>
            </a:r>
          </a:p>
        </p:txBody>
      </p:sp>
      <p:sp>
        <p:nvSpPr>
          <p:cNvPr id="5581" name="OTLSHAPE_T_21b58c5a4cd943b3802f5e9de07d7b6c_TextPercentage" hidden="1">
            <a:extLst>
              <a:ext uri="{FF2B5EF4-FFF2-40B4-BE49-F238E27FC236}">
                <a16:creationId xmlns:a16="http://schemas.microsoft.com/office/drawing/2014/main" id="{18A07B18-4645-4ABD-BD34-A3E9A45CF446}"/>
              </a:ext>
            </a:extLst>
          </p:cNvPr>
          <p:cNvSpPr txBox="1"/>
          <p:nvPr>
            <p:custDataLst>
              <p:tags r:id="rId237"/>
            </p:custDataLst>
          </p:nvPr>
        </p:nvSpPr>
        <p:spPr>
          <a:xfrm>
            <a:off x="0" y="1247339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5582" name="OTLSHAPE_T_21b58c5a4cd943b3802f5e9de07d7b6c_StartDate" hidden="1">
            <a:extLst>
              <a:ext uri="{FF2B5EF4-FFF2-40B4-BE49-F238E27FC236}">
                <a16:creationId xmlns:a16="http://schemas.microsoft.com/office/drawing/2014/main" id="{388C1B5C-BC2A-452E-9438-54FA27611BEB}"/>
              </a:ext>
            </a:extLst>
          </p:cNvPr>
          <p:cNvSpPr txBox="1"/>
          <p:nvPr>
            <p:custDataLst>
              <p:tags r:id="rId238"/>
            </p:custDataLst>
          </p:nvPr>
        </p:nvSpPr>
        <p:spPr>
          <a:xfrm>
            <a:off x="0" y="12473390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583" name="OTLSHAPE_T_21b58c5a4cd943b3802f5e9de07d7b6c_EndDate" hidden="1">
            <a:extLst>
              <a:ext uri="{FF2B5EF4-FFF2-40B4-BE49-F238E27FC236}">
                <a16:creationId xmlns:a16="http://schemas.microsoft.com/office/drawing/2014/main" id="{EB1ACCB5-CD60-4574-8757-2894CCF078A8}"/>
              </a:ext>
            </a:extLst>
          </p:cNvPr>
          <p:cNvSpPr txBox="1"/>
          <p:nvPr>
            <p:custDataLst>
              <p:tags r:id="rId239"/>
            </p:custDataLst>
          </p:nvPr>
        </p:nvSpPr>
        <p:spPr>
          <a:xfrm>
            <a:off x="0" y="12473390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584" name="OTLSHAPE_T_21b58c5a4cd943b3802f5e9de07d7b6c_JoinedDate">
            <a:extLst>
              <a:ext uri="{FF2B5EF4-FFF2-40B4-BE49-F238E27FC236}">
                <a16:creationId xmlns:a16="http://schemas.microsoft.com/office/drawing/2014/main" id="{8D585688-4C29-4FAF-A9D6-58E8643CD11E}"/>
              </a:ext>
            </a:extLst>
          </p:cNvPr>
          <p:cNvSpPr txBox="1"/>
          <p:nvPr>
            <p:custDataLst>
              <p:tags r:id="rId240"/>
            </p:custDataLst>
          </p:nvPr>
        </p:nvSpPr>
        <p:spPr>
          <a:xfrm>
            <a:off x="13084640" y="12318365"/>
            <a:ext cx="2260600" cy="26356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700" spc="-10">
                <a:solidFill>
                  <a:schemeClr val="dk2"/>
                </a:solidFill>
                <a:latin typeface="Calibri" panose="020F0502020204030204" pitchFamily="34" charset="0"/>
              </a:rPr>
              <a:t>10/30/2019 - 12/15/2019</a:t>
            </a:r>
          </a:p>
        </p:txBody>
      </p:sp>
      <p:sp>
        <p:nvSpPr>
          <p:cNvPr id="5585" name="OTLSHAPE_T_21b58c5a4cd943b3802f5e9de07d7b6c_Title">
            <a:extLst>
              <a:ext uri="{FF2B5EF4-FFF2-40B4-BE49-F238E27FC236}">
                <a16:creationId xmlns:a16="http://schemas.microsoft.com/office/drawing/2014/main" id="{FEE6EF86-60A1-4AE0-82B3-66B38FDAD69D}"/>
              </a:ext>
            </a:extLst>
          </p:cNvPr>
          <p:cNvSpPr txBox="1"/>
          <p:nvPr>
            <p:custDataLst>
              <p:tags r:id="rId241"/>
            </p:custDataLst>
          </p:nvPr>
        </p:nvSpPr>
        <p:spPr>
          <a:xfrm>
            <a:off x="127000" y="12364889"/>
            <a:ext cx="2235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100" b="1" spc="-4">
                <a:solidFill>
                  <a:schemeClr val="dk1"/>
                </a:solidFill>
                <a:latin typeface="Calibri" panose="020F0502020204030204" pitchFamily="34" charset="0"/>
              </a:rPr>
              <a:t>Single Project Overview Page (Lidauer)</a:t>
            </a:r>
          </a:p>
        </p:txBody>
      </p:sp>
      <p:sp>
        <p:nvSpPr>
          <p:cNvPr id="5586" name="OTLSHAPE_T_6d0ac59b73fd4a4fbced8a9925f0881c_Shape">
            <a:extLst>
              <a:ext uri="{FF2B5EF4-FFF2-40B4-BE49-F238E27FC236}">
                <a16:creationId xmlns:a16="http://schemas.microsoft.com/office/drawing/2014/main" id="{8FB25B1E-EB73-4956-B9B5-9A3C6738D07A}"/>
              </a:ext>
            </a:extLst>
          </p:cNvPr>
          <p:cNvSpPr/>
          <p:nvPr>
            <p:custDataLst>
              <p:tags r:id="rId242"/>
            </p:custDataLst>
          </p:nvPr>
        </p:nvSpPr>
        <p:spPr>
          <a:xfrm>
            <a:off x="12241595" y="12675616"/>
            <a:ext cx="4114800" cy="203200"/>
          </a:xfrm>
          <a:prstGeom prst="rect">
            <a:avLst/>
          </a:prstGeom>
          <a:solidFill>
            <a:srgbClr val="02B2E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587" name="OTLSHAPE_T_6d0ac59b73fd4a4fbced8a9925f0881c_ShapePercentage" hidden="1">
            <a:extLst>
              <a:ext uri="{FF2B5EF4-FFF2-40B4-BE49-F238E27FC236}">
                <a16:creationId xmlns:a16="http://schemas.microsoft.com/office/drawing/2014/main" id="{B01A71A4-1C94-43FB-A9D6-DA0CDDF1B470}"/>
              </a:ext>
            </a:extLst>
          </p:cNvPr>
          <p:cNvSpPr/>
          <p:nvPr>
            <p:custDataLst>
              <p:tags r:id="rId243"/>
            </p:custDataLst>
          </p:nvPr>
        </p:nvSpPr>
        <p:spPr>
          <a:xfrm>
            <a:off x="12241595" y="12675616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588" name="OTLSHAPE_T_6d0ac59b73fd4a4fbced8a9925f0881c_Duration" hidden="1">
            <a:extLst>
              <a:ext uri="{FF2B5EF4-FFF2-40B4-BE49-F238E27FC236}">
                <a16:creationId xmlns:a16="http://schemas.microsoft.com/office/drawing/2014/main" id="{7FE766BB-4C1F-4AF4-8EF5-018ED14FE105}"/>
              </a:ext>
            </a:extLst>
          </p:cNvPr>
          <p:cNvSpPr txBox="1"/>
          <p:nvPr>
            <p:custDataLst>
              <p:tags r:id="rId244"/>
            </p:custDataLst>
          </p:nvPr>
        </p:nvSpPr>
        <p:spPr>
          <a:xfrm>
            <a:off x="0" y="12645432"/>
            <a:ext cx="3937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57 Tage</a:t>
            </a:r>
          </a:p>
        </p:txBody>
      </p:sp>
      <p:sp>
        <p:nvSpPr>
          <p:cNvPr id="5589" name="OTLSHAPE_T_6d0ac59b73fd4a4fbced8a9925f0881c_TextPercentage" hidden="1">
            <a:extLst>
              <a:ext uri="{FF2B5EF4-FFF2-40B4-BE49-F238E27FC236}">
                <a16:creationId xmlns:a16="http://schemas.microsoft.com/office/drawing/2014/main" id="{2FEFB44A-333E-46A2-ABA6-1DEA626A67A0}"/>
              </a:ext>
            </a:extLst>
          </p:cNvPr>
          <p:cNvSpPr txBox="1"/>
          <p:nvPr>
            <p:custDataLst>
              <p:tags r:id="rId245"/>
            </p:custDataLst>
          </p:nvPr>
        </p:nvSpPr>
        <p:spPr>
          <a:xfrm>
            <a:off x="0" y="1280045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5590" name="OTLSHAPE_T_6d0ac59b73fd4a4fbced8a9925f0881c_StartDate" hidden="1">
            <a:extLst>
              <a:ext uri="{FF2B5EF4-FFF2-40B4-BE49-F238E27FC236}">
                <a16:creationId xmlns:a16="http://schemas.microsoft.com/office/drawing/2014/main" id="{DE943B46-4BAB-4AEE-AF43-7C54AE58A413}"/>
              </a:ext>
            </a:extLst>
          </p:cNvPr>
          <p:cNvSpPr txBox="1"/>
          <p:nvPr>
            <p:custDataLst>
              <p:tags r:id="rId246"/>
            </p:custDataLst>
          </p:nvPr>
        </p:nvSpPr>
        <p:spPr>
          <a:xfrm>
            <a:off x="0" y="12800457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591" name="OTLSHAPE_T_6d0ac59b73fd4a4fbced8a9925f0881c_EndDate" hidden="1">
            <a:extLst>
              <a:ext uri="{FF2B5EF4-FFF2-40B4-BE49-F238E27FC236}">
                <a16:creationId xmlns:a16="http://schemas.microsoft.com/office/drawing/2014/main" id="{F8237F1E-313F-44FE-92EF-BBA5E6D9BC93}"/>
              </a:ext>
            </a:extLst>
          </p:cNvPr>
          <p:cNvSpPr txBox="1"/>
          <p:nvPr>
            <p:custDataLst>
              <p:tags r:id="rId247"/>
            </p:custDataLst>
          </p:nvPr>
        </p:nvSpPr>
        <p:spPr>
          <a:xfrm>
            <a:off x="0" y="12800457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592" name="OTLSHAPE_T_6d0ac59b73fd4a4fbced8a9925f0881c_JoinedDate">
            <a:extLst>
              <a:ext uri="{FF2B5EF4-FFF2-40B4-BE49-F238E27FC236}">
                <a16:creationId xmlns:a16="http://schemas.microsoft.com/office/drawing/2014/main" id="{FCDBB190-1627-4777-AE39-6009034DC00D}"/>
              </a:ext>
            </a:extLst>
          </p:cNvPr>
          <p:cNvSpPr txBox="1"/>
          <p:nvPr>
            <p:custDataLst>
              <p:tags r:id="rId248"/>
            </p:custDataLst>
          </p:nvPr>
        </p:nvSpPr>
        <p:spPr>
          <a:xfrm>
            <a:off x="16397880" y="12645432"/>
            <a:ext cx="2032000" cy="26356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700" spc="-12">
                <a:solidFill>
                  <a:schemeClr val="dk2"/>
                </a:solidFill>
                <a:latin typeface="Calibri" panose="020F0502020204030204" pitchFamily="34" charset="0"/>
              </a:rPr>
              <a:t>12/5/2019 - 1/30/2020</a:t>
            </a:r>
          </a:p>
        </p:txBody>
      </p:sp>
      <p:sp>
        <p:nvSpPr>
          <p:cNvPr id="5593" name="OTLSHAPE_T_6d0ac59b73fd4a4fbced8a9925f0881c_Title">
            <a:extLst>
              <a:ext uri="{FF2B5EF4-FFF2-40B4-BE49-F238E27FC236}">
                <a16:creationId xmlns:a16="http://schemas.microsoft.com/office/drawing/2014/main" id="{9C73DFE4-FAD9-479A-8074-CC662425D1BE}"/>
              </a:ext>
            </a:extLst>
          </p:cNvPr>
          <p:cNvSpPr txBox="1"/>
          <p:nvPr>
            <p:custDataLst>
              <p:tags r:id="rId249"/>
            </p:custDataLst>
          </p:nvPr>
        </p:nvSpPr>
        <p:spPr>
          <a:xfrm>
            <a:off x="127000" y="12691956"/>
            <a:ext cx="1993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100" b="1" spc="-4" dirty="0" err="1">
                <a:solidFill>
                  <a:schemeClr val="dk1"/>
                </a:solidFill>
                <a:latin typeface="Calibri" panose="020F0502020204030204" pitchFamily="34" charset="0"/>
              </a:rPr>
              <a:t>Shotlist</a:t>
            </a:r>
            <a:r>
              <a:rPr lang="en-GB" sz="1100" b="1" spc="-4" dirty="0">
                <a:solidFill>
                  <a:schemeClr val="dk1"/>
                </a:solidFill>
                <a:latin typeface="Calibri" panose="020F0502020204030204" pitchFamily="34" charset="0"/>
              </a:rPr>
              <a:t>-Storyboard Page (Lidauer)</a:t>
            </a:r>
          </a:p>
        </p:txBody>
      </p:sp>
      <p:sp>
        <p:nvSpPr>
          <p:cNvPr id="5594" name="OTLSHAPE_T_e1f7b2aab5ff4861909bb6f84b9a58d5_Shape">
            <a:extLst>
              <a:ext uri="{FF2B5EF4-FFF2-40B4-BE49-F238E27FC236}">
                <a16:creationId xmlns:a16="http://schemas.microsoft.com/office/drawing/2014/main" id="{884880AF-7C54-4977-A0DC-930051A52320}"/>
              </a:ext>
            </a:extLst>
          </p:cNvPr>
          <p:cNvSpPr/>
          <p:nvPr>
            <p:custDataLst>
              <p:tags r:id="rId250"/>
            </p:custDataLst>
          </p:nvPr>
        </p:nvSpPr>
        <p:spPr>
          <a:xfrm>
            <a:off x="7559843" y="13002683"/>
            <a:ext cx="1447800" cy="203200"/>
          </a:xfrm>
          <a:prstGeom prst="rect">
            <a:avLst/>
          </a:prstGeom>
          <a:solidFill>
            <a:srgbClr val="96D64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595" name="OTLSHAPE_T_e1f7b2aab5ff4861909bb6f84b9a58d5_ShapePercentage" hidden="1">
            <a:extLst>
              <a:ext uri="{FF2B5EF4-FFF2-40B4-BE49-F238E27FC236}">
                <a16:creationId xmlns:a16="http://schemas.microsoft.com/office/drawing/2014/main" id="{24D2ECAA-1FF6-4A58-A2D9-035BCC908540}"/>
              </a:ext>
            </a:extLst>
          </p:cNvPr>
          <p:cNvSpPr/>
          <p:nvPr>
            <p:custDataLst>
              <p:tags r:id="rId251"/>
            </p:custDataLst>
          </p:nvPr>
        </p:nvSpPr>
        <p:spPr>
          <a:xfrm>
            <a:off x="7559843" y="13002683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596" name="OTLSHAPE_T_e1f7b2aab5ff4861909bb6f84b9a58d5_Duration" hidden="1">
            <a:extLst>
              <a:ext uri="{FF2B5EF4-FFF2-40B4-BE49-F238E27FC236}">
                <a16:creationId xmlns:a16="http://schemas.microsoft.com/office/drawing/2014/main" id="{5C3D831D-00A7-4859-ACDB-0F5730D539FF}"/>
              </a:ext>
            </a:extLst>
          </p:cNvPr>
          <p:cNvSpPr txBox="1"/>
          <p:nvPr>
            <p:custDataLst>
              <p:tags r:id="rId252"/>
            </p:custDataLst>
          </p:nvPr>
        </p:nvSpPr>
        <p:spPr>
          <a:xfrm>
            <a:off x="0" y="12972500"/>
            <a:ext cx="3937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20 Tage</a:t>
            </a:r>
          </a:p>
        </p:txBody>
      </p:sp>
      <p:sp>
        <p:nvSpPr>
          <p:cNvPr id="5597" name="OTLSHAPE_T_e1f7b2aab5ff4861909bb6f84b9a58d5_TextPercentage" hidden="1">
            <a:extLst>
              <a:ext uri="{FF2B5EF4-FFF2-40B4-BE49-F238E27FC236}">
                <a16:creationId xmlns:a16="http://schemas.microsoft.com/office/drawing/2014/main" id="{D195536B-15D5-49F1-906D-6523C14C00F5}"/>
              </a:ext>
            </a:extLst>
          </p:cNvPr>
          <p:cNvSpPr txBox="1"/>
          <p:nvPr>
            <p:custDataLst>
              <p:tags r:id="rId253"/>
            </p:custDataLst>
          </p:nvPr>
        </p:nvSpPr>
        <p:spPr>
          <a:xfrm>
            <a:off x="0" y="1312752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5598" name="OTLSHAPE_T_e1f7b2aab5ff4861909bb6f84b9a58d5_StartDate" hidden="1">
            <a:extLst>
              <a:ext uri="{FF2B5EF4-FFF2-40B4-BE49-F238E27FC236}">
                <a16:creationId xmlns:a16="http://schemas.microsoft.com/office/drawing/2014/main" id="{677EA4C5-9C67-409F-9150-BEE416FE9DE1}"/>
              </a:ext>
            </a:extLst>
          </p:cNvPr>
          <p:cNvSpPr txBox="1"/>
          <p:nvPr>
            <p:custDataLst>
              <p:tags r:id="rId254"/>
            </p:custDataLst>
          </p:nvPr>
        </p:nvSpPr>
        <p:spPr>
          <a:xfrm>
            <a:off x="0" y="13127524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599" name="OTLSHAPE_T_e1f7b2aab5ff4861909bb6f84b9a58d5_EndDate" hidden="1">
            <a:extLst>
              <a:ext uri="{FF2B5EF4-FFF2-40B4-BE49-F238E27FC236}">
                <a16:creationId xmlns:a16="http://schemas.microsoft.com/office/drawing/2014/main" id="{2479ECDF-AA8B-49F7-A513-B8359A80154F}"/>
              </a:ext>
            </a:extLst>
          </p:cNvPr>
          <p:cNvSpPr txBox="1"/>
          <p:nvPr>
            <p:custDataLst>
              <p:tags r:id="rId255"/>
            </p:custDataLst>
          </p:nvPr>
        </p:nvSpPr>
        <p:spPr>
          <a:xfrm>
            <a:off x="0" y="13127524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600" name="OTLSHAPE_T_e1f7b2aab5ff4861909bb6f84b9a58d5_JoinedDate">
            <a:extLst>
              <a:ext uri="{FF2B5EF4-FFF2-40B4-BE49-F238E27FC236}">
                <a16:creationId xmlns:a16="http://schemas.microsoft.com/office/drawing/2014/main" id="{3C1A1746-61CD-4CAD-8032-3F17280AADFF}"/>
              </a:ext>
            </a:extLst>
          </p:cNvPr>
          <p:cNvSpPr txBox="1"/>
          <p:nvPr>
            <p:custDataLst>
              <p:tags r:id="rId256"/>
            </p:custDataLst>
          </p:nvPr>
        </p:nvSpPr>
        <p:spPr>
          <a:xfrm>
            <a:off x="9051132" y="12972500"/>
            <a:ext cx="2146300" cy="26356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700" spc="-12" dirty="0">
                <a:solidFill>
                  <a:schemeClr val="dk2"/>
                </a:solidFill>
                <a:latin typeface="Calibri" panose="020F0502020204030204" pitchFamily="34" charset="0"/>
              </a:rPr>
              <a:t>10/1/2019 - 10/20/2019</a:t>
            </a:r>
          </a:p>
        </p:txBody>
      </p:sp>
      <p:sp>
        <p:nvSpPr>
          <p:cNvPr id="5601" name="OTLSHAPE_T_e1f7b2aab5ff4861909bb6f84b9a58d5_Title">
            <a:extLst>
              <a:ext uri="{FF2B5EF4-FFF2-40B4-BE49-F238E27FC236}">
                <a16:creationId xmlns:a16="http://schemas.microsoft.com/office/drawing/2014/main" id="{246A840C-35B1-4BDF-9B5F-9DE3B2124D73}"/>
              </a:ext>
            </a:extLst>
          </p:cNvPr>
          <p:cNvSpPr txBox="1"/>
          <p:nvPr>
            <p:custDataLst>
              <p:tags r:id="rId257"/>
            </p:custDataLst>
          </p:nvPr>
        </p:nvSpPr>
        <p:spPr>
          <a:xfrm>
            <a:off x="127000" y="13019024"/>
            <a:ext cx="1257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100" b="1" spc="-8">
                <a:solidFill>
                  <a:schemeClr val="dk1"/>
                </a:solidFill>
                <a:latin typeface="Calibri" panose="020F0502020204030204" pitchFamily="34" charset="0"/>
              </a:rPr>
              <a:t>Login Page (Fettinger)</a:t>
            </a:r>
          </a:p>
        </p:txBody>
      </p:sp>
      <p:sp>
        <p:nvSpPr>
          <p:cNvPr id="5602" name="OTLSHAPE_T_7754225526a1413eac33b1e2ee72a7a9_Shape">
            <a:extLst>
              <a:ext uri="{FF2B5EF4-FFF2-40B4-BE49-F238E27FC236}">
                <a16:creationId xmlns:a16="http://schemas.microsoft.com/office/drawing/2014/main" id="{9450513D-0E63-4D4D-A6FD-BD5542A22FCF}"/>
              </a:ext>
            </a:extLst>
          </p:cNvPr>
          <p:cNvSpPr/>
          <p:nvPr>
            <p:custDataLst>
              <p:tags r:id="rId258"/>
            </p:custDataLst>
          </p:nvPr>
        </p:nvSpPr>
        <p:spPr>
          <a:xfrm>
            <a:off x="8928355" y="13329751"/>
            <a:ext cx="1587500" cy="203200"/>
          </a:xfrm>
          <a:prstGeom prst="rect">
            <a:avLst/>
          </a:prstGeom>
          <a:solidFill>
            <a:srgbClr val="96D64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603" name="OTLSHAPE_T_7754225526a1413eac33b1e2ee72a7a9_ShapePercentage" hidden="1">
            <a:extLst>
              <a:ext uri="{FF2B5EF4-FFF2-40B4-BE49-F238E27FC236}">
                <a16:creationId xmlns:a16="http://schemas.microsoft.com/office/drawing/2014/main" id="{4D831196-114C-40A9-9CA5-C72CA230CE6F}"/>
              </a:ext>
            </a:extLst>
          </p:cNvPr>
          <p:cNvSpPr/>
          <p:nvPr>
            <p:custDataLst>
              <p:tags r:id="rId259"/>
            </p:custDataLst>
          </p:nvPr>
        </p:nvSpPr>
        <p:spPr>
          <a:xfrm>
            <a:off x="8928355" y="13329751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604" name="OTLSHAPE_T_7754225526a1413eac33b1e2ee72a7a9_Duration" hidden="1">
            <a:extLst>
              <a:ext uri="{FF2B5EF4-FFF2-40B4-BE49-F238E27FC236}">
                <a16:creationId xmlns:a16="http://schemas.microsoft.com/office/drawing/2014/main" id="{D6224DB1-72AC-4C21-B38B-82290B4EF303}"/>
              </a:ext>
            </a:extLst>
          </p:cNvPr>
          <p:cNvSpPr txBox="1"/>
          <p:nvPr>
            <p:custDataLst>
              <p:tags r:id="rId260"/>
            </p:custDataLst>
          </p:nvPr>
        </p:nvSpPr>
        <p:spPr>
          <a:xfrm>
            <a:off x="0" y="13299567"/>
            <a:ext cx="3937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22 Tage</a:t>
            </a:r>
          </a:p>
        </p:txBody>
      </p:sp>
      <p:sp>
        <p:nvSpPr>
          <p:cNvPr id="5605" name="OTLSHAPE_T_7754225526a1413eac33b1e2ee72a7a9_TextPercentage" hidden="1">
            <a:extLst>
              <a:ext uri="{FF2B5EF4-FFF2-40B4-BE49-F238E27FC236}">
                <a16:creationId xmlns:a16="http://schemas.microsoft.com/office/drawing/2014/main" id="{8540DFD0-331E-4938-A0CC-6D422FFE24F7}"/>
              </a:ext>
            </a:extLst>
          </p:cNvPr>
          <p:cNvSpPr txBox="1"/>
          <p:nvPr>
            <p:custDataLst>
              <p:tags r:id="rId261"/>
            </p:custDataLst>
          </p:nvPr>
        </p:nvSpPr>
        <p:spPr>
          <a:xfrm>
            <a:off x="0" y="1345459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5606" name="OTLSHAPE_T_7754225526a1413eac33b1e2ee72a7a9_StartDate" hidden="1">
            <a:extLst>
              <a:ext uri="{FF2B5EF4-FFF2-40B4-BE49-F238E27FC236}">
                <a16:creationId xmlns:a16="http://schemas.microsoft.com/office/drawing/2014/main" id="{09962BB2-C423-4D8E-90DC-2E826039543F}"/>
              </a:ext>
            </a:extLst>
          </p:cNvPr>
          <p:cNvSpPr txBox="1"/>
          <p:nvPr>
            <p:custDataLst>
              <p:tags r:id="rId262"/>
            </p:custDataLst>
          </p:nvPr>
        </p:nvSpPr>
        <p:spPr>
          <a:xfrm>
            <a:off x="0" y="13454591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607" name="OTLSHAPE_T_7754225526a1413eac33b1e2ee72a7a9_EndDate" hidden="1">
            <a:extLst>
              <a:ext uri="{FF2B5EF4-FFF2-40B4-BE49-F238E27FC236}">
                <a16:creationId xmlns:a16="http://schemas.microsoft.com/office/drawing/2014/main" id="{751033DC-7021-4FDC-8DC5-C9FBE3D9E9E8}"/>
              </a:ext>
            </a:extLst>
          </p:cNvPr>
          <p:cNvSpPr txBox="1"/>
          <p:nvPr>
            <p:custDataLst>
              <p:tags r:id="rId263"/>
            </p:custDataLst>
          </p:nvPr>
        </p:nvSpPr>
        <p:spPr>
          <a:xfrm>
            <a:off x="0" y="13454591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608" name="OTLSHAPE_T_7754225526a1413eac33b1e2ee72a7a9_JoinedDate">
            <a:extLst>
              <a:ext uri="{FF2B5EF4-FFF2-40B4-BE49-F238E27FC236}">
                <a16:creationId xmlns:a16="http://schemas.microsoft.com/office/drawing/2014/main" id="{D4649AA9-DCDC-402E-836B-E0A1D3FDB011}"/>
              </a:ext>
            </a:extLst>
          </p:cNvPr>
          <p:cNvSpPr txBox="1"/>
          <p:nvPr>
            <p:custDataLst>
              <p:tags r:id="rId264"/>
            </p:custDataLst>
          </p:nvPr>
        </p:nvSpPr>
        <p:spPr>
          <a:xfrm>
            <a:off x="10563698" y="13299567"/>
            <a:ext cx="2260600" cy="26356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700" spc="-10">
                <a:solidFill>
                  <a:schemeClr val="dk2"/>
                </a:solidFill>
                <a:latin typeface="Calibri" panose="020F0502020204030204" pitchFamily="34" charset="0"/>
              </a:rPr>
              <a:t>10/20/2019 - 11/10/2019</a:t>
            </a:r>
          </a:p>
        </p:txBody>
      </p:sp>
      <p:sp>
        <p:nvSpPr>
          <p:cNvPr id="5609" name="OTLSHAPE_T_7754225526a1413eac33b1e2ee72a7a9_Title">
            <a:extLst>
              <a:ext uri="{FF2B5EF4-FFF2-40B4-BE49-F238E27FC236}">
                <a16:creationId xmlns:a16="http://schemas.microsoft.com/office/drawing/2014/main" id="{39D611B7-F9A0-4F8E-A414-029587116FE8}"/>
              </a:ext>
            </a:extLst>
          </p:cNvPr>
          <p:cNvSpPr txBox="1"/>
          <p:nvPr>
            <p:custDataLst>
              <p:tags r:id="rId265"/>
            </p:custDataLst>
          </p:nvPr>
        </p:nvSpPr>
        <p:spPr>
          <a:xfrm>
            <a:off x="127000" y="13346091"/>
            <a:ext cx="1701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100" b="1" spc="-6">
                <a:solidFill>
                  <a:schemeClr val="dk1"/>
                </a:solidFill>
                <a:latin typeface="Calibri" panose="020F0502020204030204" pitchFamily="34" charset="0"/>
              </a:rPr>
              <a:t>User-Profile Menu (Fettinger)</a:t>
            </a:r>
          </a:p>
        </p:txBody>
      </p:sp>
      <p:sp>
        <p:nvSpPr>
          <p:cNvPr id="5610" name="OTLSHAPE_T_415838629427457ca12cda4f88f4c673_Shape">
            <a:extLst>
              <a:ext uri="{FF2B5EF4-FFF2-40B4-BE49-F238E27FC236}">
                <a16:creationId xmlns:a16="http://schemas.microsoft.com/office/drawing/2014/main" id="{57BAA3CB-6AD2-45D2-97F1-7553C32F1A61}"/>
              </a:ext>
            </a:extLst>
          </p:cNvPr>
          <p:cNvSpPr/>
          <p:nvPr>
            <p:custDataLst>
              <p:tags r:id="rId266"/>
            </p:custDataLst>
          </p:nvPr>
        </p:nvSpPr>
        <p:spPr>
          <a:xfrm>
            <a:off x="9792678" y="13656818"/>
            <a:ext cx="2235200" cy="203200"/>
          </a:xfrm>
          <a:prstGeom prst="rect">
            <a:avLst/>
          </a:prstGeom>
          <a:solidFill>
            <a:srgbClr val="96D64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611" name="OTLSHAPE_T_415838629427457ca12cda4f88f4c673_ShapePercentage" hidden="1">
            <a:extLst>
              <a:ext uri="{FF2B5EF4-FFF2-40B4-BE49-F238E27FC236}">
                <a16:creationId xmlns:a16="http://schemas.microsoft.com/office/drawing/2014/main" id="{D2670F19-52AE-448C-8FDC-AF565DACC438}"/>
              </a:ext>
            </a:extLst>
          </p:cNvPr>
          <p:cNvSpPr/>
          <p:nvPr>
            <p:custDataLst>
              <p:tags r:id="rId267"/>
            </p:custDataLst>
          </p:nvPr>
        </p:nvSpPr>
        <p:spPr>
          <a:xfrm>
            <a:off x="9792678" y="13656818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612" name="OTLSHAPE_T_415838629427457ca12cda4f88f4c673_Duration" hidden="1">
            <a:extLst>
              <a:ext uri="{FF2B5EF4-FFF2-40B4-BE49-F238E27FC236}">
                <a16:creationId xmlns:a16="http://schemas.microsoft.com/office/drawing/2014/main" id="{D679321A-BFF4-489A-A1AC-3BBA13997441}"/>
              </a:ext>
            </a:extLst>
          </p:cNvPr>
          <p:cNvSpPr txBox="1"/>
          <p:nvPr>
            <p:custDataLst>
              <p:tags r:id="rId268"/>
            </p:custDataLst>
          </p:nvPr>
        </p:nvSpPr>
        <p:spPr>
          <a:xfrm>
            <a:off x="0" y="13626635"/>
            <a:ext cx="3937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31 Tage</a:t>
            </a:r>
          </a:p>
        </p:txBody>
      </p:sp>
      <p:sp>
        <p:nvSpPr>
          <p:cNvPr id="5613" name="OTLSHAPE_T_415838629427457ca12cda4f88f4c673_TextPercentage" hidden="1">
            <a:extLst>
              <a:ext uri="{FF2B5EF4-FFF2-40B4-BE49-F238E27FC236}">
                <a16:creationId xmlns:a16="http://schemas.microsoft.com/office/drawing/2014/main" id="{01DA7640-6F35-468E-9596-766DFB7243F8}"/>
              </a:ext>
            </a:extLst>
          </p:cNvPr>
          <p:cNvSpPr txBox="1"/>
          <p:nvPr>
            <p:custDataLst>
              <p:tags r:id="rId269"/>
            </p:custDataLst>
          </p:nvPr>
        </p:nvSpPr>
        <p:spPr>
          <a:xfrm>
            <a:off x="0" y="1378166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5614" name="OTLSHAPE_T_415838629427457ca12cda4f88f4c673_StartDate" hidden="1">
            <a:extLst>
              <a:ext uri="{FF2B5EF4-FFF2-40B4-BE49-F238E27FC236}">
                <a16:creationId xmlns:a16="http://schemas.microsoft.com/office/drawing/2014/main" id="{F7D60CD9-1DF0-4D8E-8AE7-DC9C43DA11AC}"/>
              </a:ext>
            </a:extLst>
          </p:cNvPr>
          <p:cNvSpPr txBox="1"/>
          <p:nvPr>
            <p:custDataLst>
              <p:tags r:id="rId270"/>
            </p:custDataLst>
          </p:nvPr>
        </p:nvSpPr>
        <p:spPr>
          <a:xfrm>
            <a:off x="0" y="13781660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615" name="OTLSHAPE_T_415838629427457ca12cda4f88f4c673_EndDate" hidden="1">
            <a:extLst>
              <a:ext uri="{FF2B5EF4-FFF2-40B4-BE49-F238E27FC236}">
                <a16:creationId xmlns:a16="http://schemas.microsoft.com/office/drawing/2014/main" id="{A47E3F8B-2675-4109-BC5B-8FEFA473FEF8}"/>
              </a:ext>
            </a:extLst>
          </p:cNvPr>
          <p:cNvSpPr txBox="1"/>
          <p:nvPr>
            <p:custDataLst>
              <p:tags r:id="rId271"/>
            </p:custDataLst>
          </p:nvPr>
        </p:nvSpPr>
        <p:spPr>
          <a:xfrm>
            <a:off x="0" y="13781660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616" name="OTLSHAPE_T_415838629427457ca12cda4f88f4c673_JoinedDate">
            <a:extLst>
              <a:ext uri="{FF2B5EF4-FFF2-40B4-BE49-F238E27FC236}">
                <a16:creationId xmlns:a16="http://schemas.microsoft.com/office/drawing/2014/main" id="{16B1F327-09D2-4F1B-BC5B-841579388DFC}"/>
              </a:ext>
            </a:extLst>
          </p:cNvPr>
          <p:cNvSpPr txBox="1"/>
          <p:nvPr>
            <p:custDataLst>
              <p:tags r:id="rId272"/>
            </p:custDataLst>
          </p:nvPr>
        </p:nvSpPr>
        <p:spPr>
          <a:xfrm>
            <a:off x="12076264" y="13626635"/>
            <a:ext cx="2032000" cy="26356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700" spc="-12">
                <a:solidFill>
                  <a:schemeClr val="dk2"/>
                </a:solidFill>
                <a:latin typeface="Calibri" panose="020F0502020204030204" pitchFamily="34" charset="0"/>
              </a:rPr>
              <a:t>11/1/2019 - 12/1/2019</a:t>
            </a:r>
          </a:p>
        </p:txBody>
      </p:sp>
      <p:sp>
        <p:nvSpPr>
          <p:cNvPr id="5617" name="OTLSHAPE_T_415838629427457ca12cda4f88f4c673_Title">
            <a:extLst>
              <a:ext uri="{FF2B5EF4-FFF2-40B4-BE49-F238E27FC236}">
                <a16:creationId xmlns:a16="http://schemas.microsoft.com/office/drawing/2014/main" id="{BB44B602-C60E-4994-83AF-230825CF8A69}"/>
              </a:ext>
            </a:extLst>
          </p:cNvPr>
          <p:cNvSpPr txBox="1"/>
          <p:nvPr>
            <p:custDataLst>
              <p:tags r:id="rId273"/>
            </p:custDataLst>
          </p:nvPr>
        </p:nvSpPr>
        <p:spPr>
          <a:xfrm>
            <a:off x="127000" y="13673159"/>
            <a:ext cx="1447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100" b="1" spc="-8">
                <a:solidFill>
                  <a:schemeClr val="dk1"/>
                </a:solidFill>
                <a:latin typeface="Calibri" panose="020F0502020204030204" pitchFamily="34" charset="0"/>
              </a:rPr>
              <a:t>Contacts Page (Fettinger)</a:t>
            </a:r>
          </a:p>
        </p:txBody>
      </p:sp>
      <p:sp>
        <p:nvSpPr>
          <p:cNvPr id="5618" name="OTLSHAPE_T_fb834fb0fd87455fb51286cf1aed0181_Shape">
            <a:extLst>
              <a:ext uri="{FF2B5EF4-FFF2-40B4-BE49-F238E27FC236}">
                <a16:creationId xmlns:a16="http://schemas.microsoft.com/office/drawing/2014/main" id="{19F4ABF1-85F2-4E35-930A-E7367DD3B82B}"/>
              </a:ext>
            </a:extLst>
          </p:cNvPr>
          <p:cNvSpPr/>
          <p:nvPr>
            <p:custDataLst>
              <p:tags r:id="rId274"/>
            </p:custDataLst>
          </p:nvPr>
        </p:nvSpPr>
        <p:spPr>
          <a:xfrm>
            <a:off x="12961864" y="13983886"/>
            <a:ext cx="1155700" cy="203200"/>
          </a:xfrm>
          <a:prstGeom prst="rect">
            <a:avLst/>
          </a:prstGeom>
          <a:solidFill>
            <a:srgbClr val="96D64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619" name="OTLSHAPE_T_fb834fb0fd87455fb51286cf1aed0181_ShapePercentage" hidden="1">
            <a:extLst>
              <a:ext uri="{FF2B5EF4-FFF2-40B4-BE49-F238E27FC236}">
                <a16:creationId xmlns:a16="http://schemas.microsoft.com/office/drawing/2014/main" id="{C86F92E7-6392-4BDC-B021-9E1030C478F6}"/>
              </a:ext>
            </a:extLst>
          </p:cNvPr>
          <p:cNvSpPr/>
          <p:nvPr>
            <p:custDataLst>
              <p:tags r:id="rId275"/>
            </p:custDataLst>
          </p:nvPr>
        </p:nvSpPr>
        <p:spPr>
          <a:xfrm>
            <a:off x="12961864" y="13983886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620" name="OTLSHAPE_T_fb834fb0fd87455fb51286cf1aed0181_Duration" hidden="1">
            <a:extLst>
              <a:ext uri="{FF2B5EF4-FFF2-40B4-BE49-F238E27FC236}">
                <a16:creationId xmlns:a16="http://schemas.microsoft.com/office/drawing/2014/main" id="{CE054F6D-0D6B-40E9-9A83-6863BFA76690}"/>
              </a:ext>
            </a:extLst>
          </p:cNvPr>
          <p:cNvSpPr txBox="1"/>
          <p:nvPr>
            <p:custDataLst>
              <p:tags r:id="rId276"/>
            </p:custDataLst>
          </p:nvPr>
        </p:nvSpPr>
        <p:spPr>
          <a:xfrm>
            <a:off x="0" y="13953702"/>
            <a:ext cx="3937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16 Tage</a:t>
            </a:r>
          </a:p>
        </p:txBody>
      </p:sp>
      <p:sp>
        <p:nvSpPr>
          <p:cNvPr id="5621" name="OTLSHAPE_T_fb834fb0fd87455fb51286cf1aed0181_TextPercentage" hidden="1">
            <a:extLst>
              <a:ext uri="{FF2B5EF4-FFF2-40B4-BE49-F238E27FC236}">
                <a16:creationId xmlns:a16="http://schemas.microsoft.com/office/drawing/2014/main" id="{1D2C8184-0605-4A73-A120-E30B3AB7C5AB}"/>
              </a:ext>
            </a:extLst>
          </p:cNvPr>
          <p:cNvSpPr txBox="1"/>
          <p:nvPr>
            <p:custDataLst>
              <p:tags r:id="rId277"/>
            </p:custDataLst>
          </p:nvPr>
        </p:nvSpPr>
        <p:spPr>
          <a:xfrm>
            <a:off x="0" y="1410872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5622" name="OTLSHAPE_T_fb834fb0fd87455fb51286cf1aed0181_StartDate" hidden="1">
            <a:extLst>
              <a:ext uri="{FF2B5EF4-FFF2-40B4-BE49-F238E27FC236}">
                <a16:creationId xmlns:a16="http://schemas.microsoft.com/office/drawing/2014/main" id="{29578424-0C98-4FC2-B74A-D1990DF28466}"/>
              </a:ext>
            </a:extLst>
          </p:cNvPr>
          <p:cNvSpPr txBox="1"/>
          <p:nvPr>
            <p:custDataLst>
              <p:tags r:id="rId278"/>
            </p:custDataLst>
          </p:nvPr>
        </p:nvSpPr>
        <p:spPr>
          <a:xfrm>
            <a:off x="0" y="14108726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623" name="OTLSHAPE_T_fb834fb0fd87455fb51286cf1aed0181_EndDate" hidden="1">
            <a:extLst>
              <a:ext uri="{FF2B5EF4-FFF2-40B4-BE49-F238E27FC236}">
                <a16:creationId xmlns:a16="http://schemas.microsoft.com/office/drawing/2014/main" id="{BEBA275C-2A31-4BEE-98AD-2D5075A60A31}"/>
              </a:ext>
            </a:extLst>
          </p:cNvPr>
          <p:cNvSpPr txBox="1"/>
          <p:nvPr>
            <p:custDataLst>
              <p:tags r:id="rId279"/>
            </p:custDataLst>
          </p:nvPr>
        </p:nvSpPr>
        <p:spPr>
          <a:xfrm>
            <a:off x="0" y="14108726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624" name="OTLSHAPE_T_fb834fb0fd87455fb51286cf1aed0181_JoinedDate">
            <a:extLst>
              <a:ext uri="{FF2B5EF4-FFF2-40B4-BE49-F238E27FC236}">
                <a16:creationId xmlns:a16="http://schemas.microsoft.com/office/drawing/2014/main" id="{2FAE85B6-0B84-439F-85CC-D1EA41C4F96D}"/>
              </a:ext>
            </a:extLst>
          </p:cNvPr>
          <p:cNvSpPr txBox="1"/>
          <p:nvPr>
            <p:custDataLst>
              <p:tags r:id="rId280"/>
            </p:custDataLst>
          </p:nvPr>
        </p:nvSpPr>
        <p:spPr>
          <a:xfrm>
            <a:off x="14165045" y="13953702"/>
            <a:ext cx="2260600" cy="26356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700" spc="-10">
                <a:solidFill>
                  <a:schemeClr val="dk2"/>
                </a:solidFill>
                <a:latin typeface="Calibri" panose="020F0502020204030204" pitchFamily="34" charset="0"/>
              </a:rPr>
              <a:t>12/15/2019 - 12/30/2019</a:t>
            </a:r>
          </a:p>
        </p:txBody>
      </p:sp>
      <p:sp>
        <p:nvSpPr>
          <p:cNvPr id="5625" name="OTLSHAPE_T_fb834fb0fd87455fb51286cf1aed0181_Title">
            <a:extLst>
              <a:ext uri="{FF2B5EF4-FFF2-40B4-BE49-F238E27FC236}">
                <a16:creationId xmlns:a16="http://schemas.microsoft.com/office/drawing/2014/main" id="{95DC1B17-CAFF-4881-9B92-EF105D895B72}"/>
              </a:ext>
            </a:extLst>
          </p:cNvPr>
          <p:cNvSpPr txBox="1"/>
          <p:nvPr>
            <p:custDataLst>
              <p:tags r:id="rId281"/>
            </p:custDataLst>
          </p:nvPr>
        </p:nvSpPr>
        <p:spPr>
          <a:xfrm>
            <a:off x="127000" y="14000226"/>
            <a:ext cx="1498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100" b="1" spc="-8">
                <a:solidFill>
                  <a:schemeClr val="dk1"/>
                </a:solidFill>
                <a:latin typeface="Calibri" panose="020F0502020204030204" pitchFamily="34" charset="0"/>
              </a:rPr>
              <a:t>Locations Page (Fettinger)</a:t>
            </a:r>
          </a:p>
        </p:txBody>
      </p:sp>
      <p:sp>
        <p:nvSpPr>
          <p:cNvPr id="5626" name="OTLSHAPE_T_b26232a788294d0da80cbe9d3212c934_Shape">
            <a:extLst>
              <a:ext uri="{FF2B5EF4-FFF2-40B4-BE49-F238E27FC236}">
                <a16:creationId xmlns:a16="http://schemas.microsoft.com/office/drawing/2014/main" id="{E5FDEA40-4703-4EC3-9676-C3AA294648A4}"/>
              </a:ext>
            </a:extLst>
          </p:cNvPr>
          <p:cNvSpPr/>
          <p:nvPr>
            <p:custDataLst>
              <p:tags r:id="rId282"/>
            </p:custDataLst>
          </p:nvPr>
        </p:nvSpPr>
        <p:spPr>
          <a:xfrm>
            <a:off x="11161190" y="14310953"/>
            <a:ext cx="2959100" cy="203200"/>
          </a:xfrm>
          <a:prstGeom prst="rect">
            <a:avLst/>
          </a:prstGeom>
          <a:solidFill>
            <a:srgbClr val="96D64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627" name="OTLSHAPE_T_b26232a788294d0da80cbe9d3212c934_ShapePercentage" hidden="1">
            <a:extLst>
              <a:ext uri="{FF2B5EF4-FFF2-40B4-BE49-F238E27FC236}">
                <a16:creationId xmlns:a16="http://schemas.microsoft.com/office/drawing/2014/main" id="{C90555D8-608F-4266-8677-45C131B598C1}"/>
              </a:ext>
            </a:extLst>
          </p:cNvPr>
          <p:cNvSpPr/>
          <p:nvPr>
            <p:custDataLst>
              <p:tags r:id="rId283"/>
            </p:custDataLst>
          </p:nvPr>
        </p:nvSpPr>
        <p:spPr>
          <a:xfrm>
            <a:off x="11161190" y="14310953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628" name="OTLSHAPE_T_b26232a788294d0da80cbe9d3212c934_Duration" hidden="1">
            <a:extLst>
              <a:ext uri="{FF2B5EF4-FFF2-40B4-BE49-F238E27FC236}">
                <a16:creationId xmlns:a16="http://schemas.microsoft.com/office/drawing/2014/main" id="{AA07D1FA-999A-47F1-83AE-049DD3E2087A}"/>
              </a:ext>
            </a:extLst>
          </p:cNvPr>
          <p:cNvSpPr txBox="1"/>
          <p:nvPr>
            <p:custDataLst>
              <p:tags r:id="rId284"/>
            </p:custDataLst>
          </p:nvPr>
        </p:nvSpPr>
        <p:spPr>
          <a:xfrm>
            <a:off x="0" y="14280769"/>
            <a:ext cx="3937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41 Tage</a:t>
            </a:r>
          </a:p>
        </p:txBody>
      </p:sp>
      <p:sp>
        <p:nvSpPr>
          <p:cNvPr id="5629" name="OTLSHAPE_T_b26232a788294d0da80cbe9d3212c934_TextPercentage" hidden="1">
            <a:extLst>
              <a:ext uri="{FF2B5EF4-FFF2-40B4-BE49-F238E27FC236}">
                <a16:creationId xmlns:a16="http://schemas.microsoft.com/office/drawing/2014/main" id="{8D83AEA3-053A-46F1-8287-E2E43DDFD8DA}"/>
              </a:ext>
            </a:extLst>
          </p:cNvPr>
          <p:cNvSpPr txBox="1"/>
          <p:nvPr>
            <p:custDataLst>
              <p:tags r:id="rId285"/>
            </p:custDataLst>
          </p:nvPr>
        </p:nvSpPr>
        <p:spPr>
          <a:xfrm>
            <a:off x="0" y="14435793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5630" name="OTLSHAPE_T_b26232a788294d0da80cbe9d3212c934_StartDate" hidden="1">
            <a:extLst>
              <a:ext uri="{FF2B5EF4-FFF2-40B4-BE49-F238E27FC236}">
                <a16:creationId xmlns:a16="http://schemas.microsoft.com/office/drawing/2014/main" id="{15290F5A-DFEA-4521-BB44-C801880FB2E2}"/>
              </a:ext>
            </a:extLst>
          </p:cNvPr>
          <p:cNvSpPr txBox="1"/>
          <p:nvPr>
            <p:custDataLst>
              <p:tags r:id="rId286"/>
            </p:custDataLst>
          </p:nvPr>
        </p:nvSpPr>
        <p:spPr>
          <a:xfrm>
            <a:off x="0" y="14435793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631" name="OTLSHAPE_T_b26232a788294d0da80cbe9d3212c934_EndDate" hidden="1">
            <a:extLst>
              <a:ext uri="{FF2B5EF4-FFF2-40B4-BE49-F238E27FC236}">
                <a16:creationId xmlns:a16="http://schemas.microsoft.com/office/drawing/2014/main" id="{70DA1F7E-06ED-47BD-9127-0F36C5DB68B1}"/>
              </a:ext>
            </a:extLst>
          </p:cNvPr>
          <p:cNvSpPr txBox="1"/>
          <p:nvPr>
            <p:custDataLst>
              <p:tags r:id="rId287"/>
            </p:custDataLst>
          </p:nvPr>
        </p:nvSpPr>
        <p:spPr>
          <a:xfrm>
            <a:off x="0" y="14435793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632" name="OTLSHAPE_T_b26232a788294d0da80cbe9d3212c934_JoinedDate">
            <a:extLst>
              <a:ext uri="{FF2B5EF4-FFF2-40B4-BE49-F238E27FC236}">
                <a16:creationId xmlns:a16="http://schemas.microsoft.com/office/drawing/2014/main" id="{B43B9492-A460-42BB-BBD0-B551A9C543ED}"/>
              </a:ext>
            </a:extLst>
          </p:cNvPr>
          <p:cNvSpPr txBox="1"/>
          <p:nvPr>
            <p:custDataLst>
              <p:tags r:id="rId288"/>
            </p:custDataLst>
          </p:nvPr>
        </p:nvSpPr>
        <p:spPr>
          <a:xfrm>
            <a:off x="14165045" y="14280769"/>
            <a:ext cx="2260600" cy="26356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700" spc="-10">
                <a:solidFill>
                  <a:schemeClr val="dk2"/>
                </a:solidFill>
                <a:latin typeface="Calibri" panose="020F0502020204030204" pitchFamily="34" charset="0"/>
              </a:rPr>
              <a:t>11/20/2019 - 12/30/2019</a:t>
            </a:r>
          </a:p>
        </p:txBody>
      </p:sp>
      <p:sp>
        <p:nvSpPr>
          <p:cNvPr id="5633" name="OTLSHAPE_T_b26232a788294d0da80cbe9d3212c934_Title">
            <a:extLst>
              <a:ext uri="{FF2B5EF4-FFF2-40B4-BE49-F238E27FC236}">
                <a16:creationId xmlns:a16="http://schemas.microsoft.com/office/drawing/2014/main" id="{6D4B65A1-E17E-4BE9-B95E-8DE591B401F8}"/>
              </a:ext>
            </a:extLst>
          </p:cNvPr>
          <p:cNvSpPr txBox="1"/>
          <p:nvPr>
            <p:custDataLst>
              <p:tags r:id="rId289"/>
            </p:custDataLst>
          </p:nvPr>
        </p:nvSpPr>
        <p:spPr>
          <a:xfrm>
            <a:off x="127000" y="14327293"/>
            <a:ext cx="2032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100" b="1" spc="-6">
                <a:solidFill>
                  <a:schemeClr val="dk1"/>
                </a:solidFill>
                <a:latin typeface="Calibri" panose="020F0502020204030204" pitchFamily="34" charset="0"/>
              </a:rPr>
              <a:t>Documents-Scripts Page (Fettinger)</a:t>
            </a:r>
          </a:p>
        </p:txBody>
      </p:sp>
      <p:sp>
        <p:nvSpPr>
          <p:cNvPr id="5634" name="OTLSHAPE_T_1057f57dff614335972c6c796838a70e_Shape">
            <a:extLst>
              <a:ext uri="{FF2B5EF4-FFF2-40B4-BE49-F238E27FC236}">
                <a16:creationId xmlns:a16="http://schemas.microsoft.com/office/drawing/2014/main" id="{EC4E0C6A-BF09-4639-AAAF-22346BF59773}"/>
              </a:ext>
            </a:extLst>
          </p:cNvPr>
          <p:cNvSpPr/>
          <p:nvPr>
            <p:custDataLst>
              <p:tags r:id="rId290"/>
            </p:custDataLst>
          </p:nvPr>
        </p:nvSpPr>
        <p:spPr>
          <a:xfrm>
            <a:off x="11161190" y="14638020"/>
            <a:ext cx="5194300" cy="203200"/>
          </a:xfrm>
          <a:prstGeom prst="rect">
            <a:avLst/>
          </a:prstGeom>
          <a:solidFill>
            <a:srgbClr val="96D64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635" name="OTLSHAPE_T_1057f57dff614335972c6c796838a70e_ShapePercentage" hidden="1">
            <a:extLst>
              <a:ext uri="{FF2B5EF4-FFF2-40B4-BE49-F238E27FC236}">
                <a16:creationId xmlns:a16="http://schemas.microsoft.com/office/drawing/2014/main" id="{3E9FB882-AFA1-40B9-9A86-E7CBD6E2D330}"/>
              </a:ext>
            </a:extLst>
          </p:cNvPr>
          <p:cNvSpPr/>
          <p:nvPr>
            <p:custDataLst>
              <p:tags r:id="rId291"/>
            </p:custDataLst>
          </p:nvPr>
        </p:nvSpPr>
        <p:spPr>
          <a:xfrm>
            <a:off x="11161190" y="1463802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636" name="OTLSHAPE_T_1057f57dff614335972c6c796838a70e_Duration" hidden="1">
            <a:extLst>
              <a:ext uri="{FF2B5EF4-FFF2-40B4-BE49-F238E27FC236}">
                <a16:creationId xmlns:a16="http://schemas.microsoft.com/office/drawing/2014/main" id="{1DBEB9B5-730E-4BF8-AA56-A03E2070FB37}"/>
              </a:ext>
            </a:extLst>
          </p:cNvPr>
          <p:cNvSpPr txBox="1"/>
          <p:nvPr>
            <p:custDataLst>
              <p:tags r:id="rId292"/>
            </p:custDataLst>
          </p:nvPr>
        </p:nvSpPr>
        <p:spPr>
          <a:xfrm>
            <a:off x="0" y="14607837"/>
            <a:ext cx="3937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72 Tage</a:t>
            </a:r>
          </a:p>
        </p:txBody>
      </p:sp>
      <p:sp>
        <p:nvSpPr>
          <p:cNvPr id="5637" name="OTLSHAPE_T_1057f57dff614335972c6c796838a70e_TextPercentage" hidden="1">
            <a:extLst>
              <a:ext uri="{FF2B5EF4-FFF2-40B4-BE49-F238E27FC236}">
                <a16:creationId xmlns:a16="http://schemas.microsoft.com/office/drawing/2014/main" id="{DC94248A-F753-4679-9679-EC419C219C99}"/>
              </a:ext>
            </a:extLst>
          </p:cNvPr>
          <p:cNvSpPr txBox="1"/>
          <p:nvPr>
            <p:custDataLst>
              <p:tags r:id="rId293"/>
            </p:custDataLst>
          </p:nvPr>
        </p:nvSpPr>
        <p:spPr>
          <a:xfrm>
            <a:off x="0" y="14762862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5638" name="OTLSHAPE_T_1057f57dff614335972c6c796838a70e_StartDate" hidden="1">
            <a:extLst>
              <a:ext uri="{FF2B5EF4-FFF2-40B4-BE49-F238E27FC236}">
                <a16:creationId xmlns:a16="http://schemas.microsoft.com/office/drawing/2014/main" id="{8F1F111A-86B1-445E-88D5-56CE73C5140E}"/>
              </a:ext>
            </a:extLst>
          </p:cNvPr>
          <p:cNvSpPr txBox="1"/>
          <p:nvPr>
            <p:custDataLst>
              <p:tags r:id="rId294"/>
            </p:custDataLst>
          </p:nvPr>
        </p:nvSpPr>
        <p:spPr>
          <a:xfrm>
            <a:off x="0" y="14762862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639" name="OTLSHAPE_T_1057f57dff614335972c6c796838a70e_EndDate" hidden="1">
            <a:extLst>
              <a:ext uri="{FF2B5EF4-FFF2-40B4-BE49-F238E27FC236}">
                <a16:creationId xmlns:a16="http://schemas.microsoft.com/office/drawing/2014/main" id="{4C7F5923-FB4E-431C-AEAB-30B2AAB43E0D}"/>
              </a:ext>
            </a:extLst>
          </p:cNvPr>
          <p:cNvSpPr txBox="1"/>
          <p:nvPr>
            <p:custDataLst>
              <p:tags r:id="rId295"/>
            </p:custDataLst>
          </p:nvPr>
        </p:nvSpPr>
        <p:spPr>
          <a:xfrm>
            <a:off x="0" y="14762862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640" name="OTLSHAPE_T_1057f57dff614335972c6c796838a70e_JoinedDate">
            <a:extLst>
              <a:ext uri="{FF2B5EF4-FFF2-40B4-BE49-F238E27FC236}">
                <a16:creationId xmlns:a16="http://schemas.microsoft.com/office/drawing/2014/main" id="{402AB45E-02A8-403A-A4F4-E4C54B496E21}"/>
              </a:ext>
            </a:extLst>
          </p:cNvPr>
          <p:cNvSpPr txBox="1"/>
          <p:nvPr>
            <p:custDataLst>
              <p:tags r:id="rId296"/>
            </p:custDataLst>
          </p:nvPr>
        </p:nvSpPr>
        <p:spPr>
          <a:xfrm>
            <a:off x="16397880" y="14607837"/>
            <a:ext cx="2146300" cy="26356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700" spc="-12">
                <a:solidFill>
                  <a:schemeClr val="dk2"/>
                </a:solidFill>
                <a:latin typeface="Calibri" panose="020F0502020204030204" pitchFamily="34" charset="0"/>
              </a:rPr>
              <a:t>11/20/2019 - 1/30/2020</a:t>
            </a:r>
          </a:p>
        </p:txBody>
      </p:sp>
      <p:sp>
        <p:nvSpPr>
          <p:cNvPr id="5641" name="OTLSHAPE_T_1057f57dff614335972c6c796838a70e_Title">
            <a:extLst>
              <a:ext uri="{FF2B5EF4-FFF2-40B4-BE49-F238E27FC236}">
                <a16:creationId xmlns:a16="http://schemas.microsoft.com/office/drawing/2014/main" id="{73B233B5-9374-4A23-BBB7-29A9766D19EC}"/>
              </a:ext>
            </a:extLst>
          </p:cNvPr>
          <p:cNvSpPr txBox="1"/>
          <p:nvPr>
            <p:custDataLst>
              <p:tags r:id="rId297"/>
            </p:custDataLst>
          </p:nvPr>
        </p:nvSpPr>
        <p:spPr>
          <a:xfrm>
            <a:off x="127000" y="14654361"/>
            <a:ext cx="1346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100" b="1" spc="-8">
                <a:solidFill>
                  <a:schemeClr val="dk1"/>
                </a:solidFill>
                <a:latin typeface="Calibri" panose="020F0502020204030204" pitchFamily="34" charset="0"/>
              </a:rPr>
              <a:t>Library Page (Fettinger)</a:t>
            </a:r>
          </a:p>
        </p:txBody>
      </p:sp>
      <p:sp>
        <p:nvSpPr>
          <p:cNvPr id="5642" name="OTLSHAPE_T_170eb25b53384f06bf9caeb58ed6e923_Shape">
            <a:extLst>
              <a:ext uri="{FF2B5EF4-FFF2-40B4-BE49-F238E27FC236}">
                <a16:creationId xmlns:a16="http://schemas.microsoft.com/office/drawing/2014/main" id="{8914395C-7344-4B78-99CC-E65ABA2C7F7E}"/>
              </a:ext>
            </a:extLst>
          </p:cNvPr>
          <p:cNvSpPr/>
          <p:nvPr>
            <p:custDataLst>
              <p:tags r:id="rId298"/>
            </p:custDataLst>
          </p:nvPr>
        </p:nvSpPr>
        <p:spPr>
          <a:xfrm>
            <a:off x="6983628" y="14934904"/>
            <a:ext cx="2095500" cy="203200"/>
          </a:xfrm>
          <a:prstGeom prst="rect">
            <a:avLst/>
          </a:prstGeom>
          <a:solidFill>
            <a:srgbClr val="2F3699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643" name="OTLSHAPE_T_170eb25b53384f06bf9caeb58ed6e923_ShapePercentage" hidden="1">
            <a:extLst>
              <a:ext uri="{FF2B5EF4-FFF2-40B4-BE49-F238E27FC236}">
                <a16:creationId xmlns:a16="http://schemas.microsoft.com/office/drawing/2014/main" id="{B5C47CC1-E6F3-4699-AB9E-147AD5C5133D}"/>
              </a:ext>
            </a:extLst>
          </p:cNvPr>
          <p:cNvSpPr/>
          <p:nvPr>
            <p:custDataLst>
              <p:tags r:id="rId299"/>
            </p:custDataLst>
          </p:nvPr>
        </p:nvSpPr>
        <p:spPr>
          <a:xfrm>
            <a:off x="6983628" y="14934904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644" name="OTLSHAPE_T_170eb25b53384f06bf9caeb58ed6e923_Duration" hidden="1">
            <a:extLst>
              <a:ext uri="{FF2B5EF4-FFF2-40B4-BE49-F238E27FC236}">
                <a16:creationId xmlns:a16="http://schemas.microsoft.com/office/drawing/2014/main" id="{5C5B4449-2945-4398-8FF8-B9A323D77348}"/>
              </a:ext>
            </a:extLst>
          </p:cNvPr>
          <p:cNvSpPr txBox="1"/>
          <p:nvPr>
            <p:custDataLst>
              <p:tags r:id="rId300"/>
            </p:custDataLst>
          </p:nvPr>
        </p:nvSpPr>
        <p:spPr>
          <a:xfrm>
            <a:off x="0" y="14934904"/>
            <a:ext cx="3937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29 Tage</a:t>
            </a:r>
          </a:p>
        </p:txBody>
      </p:sp>
      <p:sp>
        <p:nvSpPr>
          <p:cNvPr id="5645" name="OTLSHAPE_T_170eb25b53384f06bf9caeb58ed6e923_TextPercentage" hidden="1">
            <a:extLst>
              <a:ext uri="{FF2B5EF4-FFF2-40B4-BE49-F238E27FC236}">
                <a16:creationId xmlns:a16="http://schemas.microsoft.com/office/drawing/2014/main" id="{ABB76799-ABE7-4620-A9EF-F948B607D026}"/>
              </a:ext>
            </a:extLst>
          </p:cNvPr>
          <p:cNvSpPr txBox="1"/>
          <p:nvPr>
            <p:custDataLst>
              <p:tags r:id="rId301"/>
            </p:custDataLst>
          </p:nvPr>
        </p:nvSpPr>
        <p:spPr>
          <a:xfrm>
            <a:off x="0" y="1508992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5646" name="OTLSHAPE_T_170eb25b53384f06bf9caeb58ed6e923_StartDate" hidden="1">
            <a:extLst>
              <a:ext uri="{FF2B5EF4-FFF2-40B4-BE49-F238E27FC236}">
                <a16:creationId xmlns:a16="http://schemas.microsoft.com/office/drawing/2014/main" id="{153AEF88-D959-4AC5-A8C8-33192DC7E23D}"/>
              </a:ext>
            </a:extLst>
          </p:cNvPr>
          <p:cNvSpPr txBox="1"/>
          <p:nvPr>
            <p:custDataLst>
              <p:tags r:id="rId302"/>
            </p:custDataLst>
          </p:nvPr>
        </p:nvSpPr>
        <p:spPr>
          <a:xfrm>
            <a:off x="0" y="1508992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647" name="OTLSHAPE_T_170eb25b53384f06bf9caeb58ed6e923_EndDate" hidden="1">
            <a:extLst>
              <a:ext uri="{FF2B5EF4-FFF2-40B4-BE49-F238E27FC236}">
                <a16:creationId xmlns:a16="http://schemas.microsoft.com/office/drawing/2014/main" id="{6EC8BA98-05E7-42FE-A8C2-5EB25220B4CF}"/>
              </a:ext>
            </a:extLst>
          </p:cNvPr>
          <p:cNvSpPr txBox="1"/>
          <p:nvPr>
            <p:custDataLst>
              <p:tags r:id="rId303"/>
            </p:custDataLst>
          </p:nvPr>
        </p:nvSpPr>
        <p:spPr>
          <a:xfrm>
            <a:off x="0" y="1508992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648" name="OTLSHAPE_T_170eb25b53384f06bf9caeb58ed6e923_JoinedDate">
            <a:extLst>
              <a:ext uri="{FF2B5EF4-FFF2-40B4-BE49-F238E27FC236}">
                <a16:creationId xmlns:a16="http://schemas.microsoft.com/office/drawing/2014/main" id="{05537D33-317F-4C56-BFB0-897E95AC96B2}"/>
              </a:ext>
            </a:extLst>
          </p:cNvPr>
          <p:cNvSpPr txBox="1"/>
          <p:nvPr>
            <p:custDataLst>
              <p:tags r:id="rId304"/>
            </p:custDataLst>
          </p:nvPr>
        </p:nvSpPr>
        <p:spPr>
          <a:xfrm>
            <a:off x="9123159" y="14958991"/>
            <a:ext cx="1270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6">
                <a:solidFill>
                  <a:schemeClr val="dk2"/>
                </a:solidFill>
                <a:latin typeface="Calibri" panose="020F0502020204030204" pitchFamily="34" charset="0"/>
              </a:rPr>
              <a:t>9/23/2019 - 10/21/2019</a:t>
            </a:r>
          </a:p>
        </p:txBody>
      </p:sp>
      <p:sp>
        <p:nvSpPr>
          <p:cNvPr id="5649" name="OTLSHAPE_T_170eb25b53384f06bf9caeb58ed6e923_Title">
            <a:extLst>
              <a:ext uri="{FF2B5EF4-FFF2-40B4-BE49-F238E27FC236}">
                <a16:creationId xmlns:a16="http://schemas.microsoft.com/office/drawing/2014/main" id="{9C687160-1DCA-4E7A-A13F-7640F1FF0853}"/>
              </a:ext>
            </a:extLst>
          </p:cNvPr>
          <p:cNvSpPr txBox="1"/>
          <p:nvPr>
            <p:custDataLst>
              <p:tags r:id="rId305"/>
            </p:custDataLst>
          </p:nvPr>
        </p:nvSpPr>
        <p:spPr>
          <a:xfrm>
            <a:off x="127000" y="14951244"/>
            <a:ext cx="723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16">
                <a:solidFill>
                  <a:schemeClr val="dk1"/>
                </a:solidFill>
                <a:latin typeface="Calibri" panose="020F0502020204030204" pitchFamily="34" charset="0"/>
              </a:rPr>
              <a:t>DATENBANK</a:t>
            </a:r>
          </a:p>
        </p:txBody>
      </p:sp>
      <p:sp>
        <p:nvSpPr>
          <p:cNvPr id="5650" name="OTLSHAPE_T_d29cdbdde3b44c23a2ca60ab7e21b29b_Shape">
            <a:extLst>
              <a:ext uri="{FF2B5EF4-FFF2-40B4-BE49-F238E27FC236}">
                <a16:creationId xmlns:a16="http://schemas.microsoft.com/office/drawing/2014/main" id="{8624432B-48DE-4BE0-A417-A61451FB52F6}"/>
              </a:ext>
            </a:extLst>
          </p:cNvPr>
          <p:cNvSpPr/>
          <p:nvPr>
            <p:custDataLst>
              <p:tags r:id="rId306"/>
            </p:custDataLst>
          </p:nvPr>
        </p:nvSpPr>
        <p:spPr>
          <a:xfrm>
            <a:off x="7055605" y="15231788"/>
            <a:ext cx="723900" cy="203200"/>
          </a:xfrm>
          <a:prstGeom prst="rect">
            <a:avLst/>
          </a:prstGeom>
          <a:solidFill>
            <a:srgbClr val="FEBA0A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651" name="OTLSHAPE_T_d29cdbdde3b44c23a2ca60ab7e21b29b_ShapePercentage" hidden="1">
            <a:extLst>
              <a:ext uri="{FF2B5EF4-FFF2-40B4-BE49-F238E27FC236}">
                <a16:creationId xmlns:a16="http://schemas.microsoft.com/office/drawing/2014/main" id="{9ED505D6-4F35-4858-95D8-86FBAE871A26}"/>
              </a:ext>
            </a:extLst>
          </p:cNvPr>
          <p:cNvSpPr/>
          <p:nvPr>
            <p:custDataLst>
              <p:tags r:id="rId307"/>
            </p:custDataLst>
          </p:nvPr>
        </p:nvSpPr>
        <p:spPr>
          <a:xfrm>
            <a:off x="7055605" y="15231788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652" name="OTLSHAPE_T_d29cdbdde3b44c23a2ca60ab7e21b29b_Duration" hidden="1">
            <a:extLst>
              <a:ext uri="{FF2B5EF4-FFF2-40B4-BE49-F238E27FC236}">
                <a16:creationId xmlns:a16="http://schemas.microsoft.com/office/drawing/2014/main" id="{81B98380-9CE9-4BE2-BAE3-BFF818685F41}"/>
              </a:ext>
            </a:extLst>
          </p:cNvPr>
          <p:cNvSpPr txBox="1"/>
          <p:nvPr>
            <p:custDataLst>
              <p:tags r:id="rId308"/>
            </p:custDataLst>
          </p:nvPr>
        </p:nvSpPr>
        <p:spPr>
          <a:xfrm>
            <a:off x="0" y="15201604"/>
            <a:ext cx="3937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10 Tage</a:t>
            </a:r>
          </a:p>
        </p:txBody>
      </p:sp>
      <p:sp>
        <p:nvSpPr>
          <p:cNvPr id="5653" name="OTLSHAPE_T_d29cdbdde3b44c23a2ca60ab7e21b29b_TextPercentage" hidden="1">
            <a:extLst>
              <a:ext uri="{FF2B5EF4-FFF2-40B4-BE49-F238E27FC236}">
                <a16:creationId xmlns:a16="http://schemas.microsoft.com/office/drawing/2014/main" id="{895118FA-9E10-4145-94F6-84E93680F9A7}"/>
              </a:ext>
            </a:extLst>
          </p:cNvPr>
          <p:cNvSpPr txBox="1"/>
          <p:nvPr>
            <p:custDataLst>
              <p:tags r:id="rId309"/>
            </p:custDataLst>
          </p:nvPr>
        </p:nvSpPr>
        <p:spPr>
          <a:xfrm>
            <a:off x="0" y="1535662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5654" name="OTLSHAPE_T_d29cdbdde3b44c23a2ca60ab7e21b29b_StartDate" hidden="1">
            <a:extLst>
              <a:ext uri="{FF2B5EF4-FFF2-40B4-BE49-F238E27FC236}">
                <a16:creationId xmlns:a16="http://schemas.microsoft.com/office/drawing/2014/main" id="{E4D07E47-4896-4422-B35A-1B6886B7AEB0}"/>
              </a:ext>
            </a:extLst>
          </p:cNvPr>
          <p:cNvSpPr txBox="1"/>
          <p:nvPr>
            <p:custDataLst>
              <p:tags r:id="rId310"/>
            </p:custDataLst>
          </p:nvPr>
        </p:nvSpPr>
        <p:spPr>
          <a:xfrm>
            <a:off x="0" y="15356629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655" name="OTLSHAPE_T_d29cdbdde3b44c23a2ca60ab7e21b29b_EndDate" hidden="1">
            <a:extLst>
              <a:ext uri="{FF2B5EF4-FFF2-40B4-BE49-F238E27FC236}">
                <a16:creationId xmlns:a16="http://schemas.microsoft.com/office/drawing/2014/main" id="{E350D699-72B1-4342-9F4C-FBE8806B0D75}"/>
              </a:ext>
            </a:extLst>
          </p:cNvPr>
          <p:cNvSpPr txBox="1"/>
          <p:nvPr>
            <p:custDataLst>
              <p:tags r:id="rId311"/>
            </p:custDataLst>
          </p:nvPr>
        </p:nvSpPr>
        <p:spPr>
          <a:xfrm>
            <a:off x="0" y="15356629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656" name="OTLSHAPE_T_d29cdbdde3b44c23a2ca60ab7e21b29b_JoinedDate">
            <a:extLst>
              <a:ext uri="{FF2B5EF4-FFF2-40B4-BE49-F238E27FC236}">
                <a16:creationId xmlns:a16="http://schemas.microsoft.com/office/drawing/2014/main" id="{A3BE6598-29FA-4952-8285-C33BBC9D1481}"/>
              </a:ext>
            </a:extLst>
          </p:cNvPr>
          <p:cNvSpPr txBox="1"/>
          <p:nvPr>
            <p:custDataLst>
              <p:tags r:id="rId312"/>
            </p:custDataLst>
          </p:nvPr>
        </p:nvSpPr>
        <p:spPr>
          <a:xfrm>
            <a:off x="7826674" y="15201604"/>
            <a:ext cx="2032000" cy="26356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700" spc="-12">
                <a:solidFill>
                  <a:schemeClr val="dk2"/>
                </a:solidFill>
                <a:latin typeface="Calibri" panose="020F0502020204030204" pitchFamily="34" charset="0"/>
              </a:rPr>
              <a:t>9/23/2019 - 10/3/2019</a:t>
            </a:r>
          </a:p>
        </p:txBody>
      </p:sp>
      <p:sp>
        <p:nvSpPr>
          <p:cNvPr id="5657" name="OTLSHAPE_T_d29cdbdde3b44c23a2ca60ab7e21b29b_Title">
            <a:extLst>
              <a:ext uri="{FF2B5EF4-FFF2-40B4-BE49-F238E27FC236}">
                <a16:creationId xmlns:a16="http://schemas.microsoft.com/office/drawing/2014/main" id="{718E4AE8-4471-40BB-9E24-9D63D35910D2}"/>
              </a:ext>
            </a:extLst>
          </p:cNvPr>
          <p:cNvSpPr txBox="1"/>
          <p:nvPr>
            <p:custDataLst>
              <p:tags r:id="rId313"/>
            </p:custDataLst>
          </p:nvPr>
        </p:nvSpPr>
        <p:spPr>
          <a:xfrm>
            <a:off x="127000" y="15248128"/>
            <a:ext cx="2146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100" b="1" spc="-4">
                <a:solidFill>
                  <a:schemeClr val="dk1"/>
                </a:solidFill>
                <a:latin typeface="Calibri" panose="020F0502020204030204" pitchFamily="34" charset="0"/>
              </a:rPr>
              <a:t>Datenbankschema erstellen (Linnert)</a:t>
            </a:r>
          </a:p>
        </p:txBody>
      </p:sp>
      <p:sp>
        <p:nvSpPr>
          <p:cNvPr id="5658" name="OTLSHAPE_T_505c3f0b25914b8491f3d1d1bd8be78b_Shape">
            <a:extLst>
              <a:ext uri="{FF2B5EF4-FFF2-40B4-BE49-F238E27FC236}">
                <a16:creationId xmlns:a16="http://schemas.microsoft.com/office/drawing/2014/main" id="{C043DE46-D851-4AA2-8BF3-DBA0198BE073}"/>
              </a:ext>
            </a:extLst>
          </p:cNvPr>
          <p:cNvSpPr/>
          <p:nvPr>
            <p:custDataLst>
              <p:tags r:id="rId314"/>
            </p:custDataLst>
          </p:nvPr>
        </p:nvSpPr>
        <p:spPr>
          <a:xfrm>
            <a:off x="7775925" y="15558855"/>
            <a:ext cx="1308100" cy="203200"/>
          </a:xfrm>
          <a:prstGeom prst="rect">
            <a:avLst/>
          </a:prstGeom>
          <a:solidFill>
            <a:srgbClr val="FEBA0A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659" name="OTLSHAPE_T_505c3f0b25914b8491f3d1d1bd8be78b_ShapePercentage" hidden="1">
            <a:extLst>
              <a:ext uri="{FF2B5EF4-FFF2-40B4-BE49-F238E27FC236}">
                <a16:creationId xmlns:a16="http://schemas.microsoft.com/office/drawing/2014/main" id="{C6F7551D-172B-49FC-A76E-3722758618CB}"/>
              </a:ext>
            </a:extLst>
          </p:cNvPr>
          <p:cNvSpPr/>
          <p:nvPr>
            <p:custDataLst>
              <p:tags r:id="rId315"/>
            </p:custDataLst>
          </p:nvPr>
        </p:nvSpPr>
        <p:spPr>
          <a:xfrm>
            <a:off x="7775925" y="1555885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660" name="OTLSHAPE_T_505c3f0b25914b8491f3d1d1bd8be78b_Duration" hidden="1">
            <a:extLst>
              <a:ext uri="{FF2B5EF4-FFF2-40B4-BE49-F238E27FC236}">
                <a16:creationId xmlns:a16="http://schemas.microsoft.com/office/drawing/2014/main" id="{17F1F595-B438-48B0-BC8C-715092920FCB}"/>
              </a:ext>
            </a:extLst>
          </p:cNvPr>
          <p:cNvSpPr txBox="1"/>
          <p:nvPr>
            <p:custDataLst>
              <p:tags r:id="rId316"/>
            </p:custDataLst>
          </p:nvPr>
        </p:nvSpPr>
        <p:spPr>
          <a:xfrm>
            <a:off x="0" y="15528671"/>
            <a:ext cx="3937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18 Tage</a:t>
            </a:r>
          </a:p>
        </p:txBody>
      </p:sp>
      <p:sp>
        <p:nvSpPr>
          <p:cNvPr id="5661" name="OTLSHAPE_T_505c3f0b25914b8491f3d1d1bd8be78b_TextPercentage" hidden="1">
            <a:extLst>
              <a:ext uri="{FF2B5EF4-FFF2-40B4-BE49-F238E27FC236}">
                <a16:creationId xmlns:a16="http://schemas.microsoft.com/office/drawing/2014/main" id="{C4A5C449-9421-4328-AB84-77D50E5510DF}"/>
              </a:ext>
            </a:extLst>
          </p:cNvPr>
          <p:cNvSpPr txBox="1"/>
          <p:nvPr>
            <p:custDataLst>
              <p:tags r:id="rId317"/>
            </p:custDataLst>
          </p:nvPr>
        </p:nvSpPr>
        <p:spPr>
          <a:xfrm>
            <a:off x="0" y="1568369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5662" name="OTLSHAPE_T_505c3f0b25914b8491f3d1d1bd8be78b_StartDate" hidden="1">
            <a:extLst>
              <a:ext uri="{FF2B5EF4-FFF2-40B4-BE49-F238E27FC236}">
                <a16:creationId xmlns:a16="http://schemas.microsoft.com/office/drawing/2014/main" id="{8048E34A-6288-45A2-B23D-FAF92CDE3E5B}"/>
              </a:ext>
            </a:extLst>
          </p:cNvPr>
          <p:cNvSpPr txBox="1"/>
          <p:nvPr>
            <p:custDataLst>
              <p:tags r:id="rId318"/>
            </p:custDataLst>
          </p:nvPr>
        </p:nvSpPr>
        <p:spPr>
          <a:xfrm>
            <a:off x="0" y="15683695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663" name="OTLSHAPE_T_505c3f0b25914b8491f3d1d1bd8be78b_EndDate" hidden="1">
            <a:extLst>
              <a:ext uri="{FF2B5EF4-FFF2-40B4-BE49-F238E27FC236}">
                <a16:creationId xmlns:a16="http://schemas.microsoft.com/office/drawing/2014/main" id="{66F77F16-E168-4F3D-933A-08D27496BB55}"/>
              </a:ext>
            </a:extLst>
          </p:cNvPr>
          <p:cNvSpPr txBox="1"/>
          <p:nvPr>
            <p:custDataLst>
              <p:tags r:id="rId319"/>
            </p:custDataLst>
          </p:nvPr>
        </p:nvSpPr>
        <p:spPr>
          <a:xfrm>
            <a:off x="0" y="15683695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664" name="OTLSHAPE_T_505c3f0b25914b8491f3d1d1bd8be78b_JoinedDate">
            <a:extLst>
              <a:ext uri="{FF2B5EF4-FFF2-40B4-BE49-F238E27FC236}">
                <a16:creationId xmlns:a16="http://schemas.microsoft.com/office/drawing/2014/main" id="{23554E62-6541-444F-9AA7-5026089B79F4}"/>
              </a:ext>
            </a:extLst>
          </p:cNvPr>
          <p:cNvSpPr txBox="1"/>
          <p:nvPr>
            <p:custDataLst>
              <p:tags r:id="rId320"/>
            </p:custDataLst>
          </p:nvPr>
        </p:nvSpPr>
        <p:spPr>
          <a:xfrm>
            <a:off x="9123159" y="15528671"/>
            <a:ext cx="2146300" cy="26356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700" spc="-12">
                <a:solidFill>
                  <a:schemeClr val="dk2"/>
                </a:solidFill>
                <a:latin typeface="Calibri" panose="020F0502020204030204" pitchFamily="34" charset="0"/>
              </a:rPr>
              <a:t>10/4/2019 - 10/21/2019</a:t>
            </a:r>
          </a:p>
        </p:txBody>
      </p:sp>
      <p:sp>
        <p:nvSpPr>
          <p:cNvPr id="5665" name="OTLSHAPE_T_505c3f0b25914b8491f3d1d1bd8be78b_Title">
            <a:extLst>
              <a:ext uri="{FF2B5EF4-FFF2-40B4-BE49-F238E27FC236}">
                <a16:creationId xmlns:a16="http://schemas.microsoft.com/office/drawing/2014/main" id="{518FFCFB-A838-47C0-BC6D-553B553BA513}"/>
              </a:ext>
            </a:extLst>
          </p:cNvPr>
          <p:cNvSpPr txBox="1"/>
          <p:nvPr>
            <p:custDataLst>
              <p:tags r:id="rId321"/>
            </p:custDataLst>
          </p:nvPr>
        </p:nvSpPr>
        <p:spPr>
          <a:xfrm>
            <a:off x="127000" y="15575195"/>
            <a:ext cx="1701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100" b="1" spc="-4">
                <a:solidFill>
                  <a:schemeClr val="dk1"/>
                </a:solidFill>
                <a:latin typeface="Calibri" panose="020F0502020204030204" pitchFamily="34" charset="0"/>
              </a:rPr>
              <a:t>Datenbank erstellen (Linnert)</a:t>
            </a:r>
          </a:p>
        </p:txBody>
      </p:sp>
      <p:sp>
        <p:nvSpPr>
          <p:cNvPr id="5666" name="OTLSHAPE_T_acbc66b5b6ce44aaa8535da06f3ba8b9_Shape">
            <a:extLst>
              <a:ext uri="{FF2B5EF4-FFF2-40B4-BE49-F238E27FC236}">
                <a16:creationId xmlns:a16="http://schemas.microsoft.com/office/drawing/2014/main" id="{D352B391-11C8-4BB0-A48F-FFEFB41CB0C4}"/>
              </a:ext>
            </a:extLst>
          </p:cNvPr>
          <p:cNvSpPr/>
          <p:nvPr>
            <p:custDataLst>
              <p:tags r:id="rId322"/>
            </p:custDataLst>
          </p:nvPr>
        </p:nvSpPr>
        <p:spPr>
          <a:xfrm>
            <a:off x="6983628" y="15855738"/>
            <a:ext cx="8293100" cy="203200"/>
          </a:xfrm>
          <a:prstGeom prst="rect">
            <a:avLst/>
          </a:prstGeom>
          <a:solidFill>
            <a:srgbClr val="2F3699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667" name="OTLSHAPE_T_acbc66b5b6ce44aaa8535da06f3ba8b9_ShapePercentage" hidden="1">
            <a:extLst>
              <a:ext uri="{FF2B5EF4-FFF2-40B4-BE49-F238E27FC236}">
                <a16:creationId xmlns:a16="http://schemas.microsoft.com/office/drawing/2014/main" id="{E5489714-59B6-4925-85BD-EB69BAA2BAED}"/>
              </a:ext>
            </a:extLst>
          </p:cNvPr>
          <p:cNvSpPr/>
          <p:nvPr>
            <p:custDataLst>
              <p:tags r:id="rId323"/>
            </p:custDataLst>
          </p:nvPr>
        </p:nvSpPr>
        <p:spPr>
          <a:xfrm>
            <a:off x="6983628" y="15855738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668" name="OTLSHAPE_T_acbc66b5b6ce44aaa8535da06f3ba8b9_Duration" hidden="1">
            <a:extLst>
              <a:ext uri="{FF2B5EF4-FFF2-40B4-BE49-F238E27FC236}">
                <a16:creationId xmlns:a16="http://schemas.microsoft.com/office/drawing/2014/main" id="{8AE060E6-4B2F-4CB1-8D6C-B42E59E95FB9}"/>
              </a:ext>
            </a:extLst>
          </p:cNvPr>
          <p:cNvSpPr txBox="1"/>
          <p:nvPr>
            <p:custDataLst>
              <p:tags r:id="rId324"/>
            </p:custDataLst>
          </p:nvPr>
        </p:nvSpPr>
        <p:spPr>
          <a:xfrm>
            <a:off x="0" y="15855738"/>
            <a:ext cx="4572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115 Tage</a:t>
            </a:r>
          </a:p>
        </p:txBody>
      </p:sp>
      <p:sp>
        <p:nvSpPr>
          <p:cNvPr id="5669" name="OTLSHAPE_T_acbc66b5b6ce44aaa8535da06f3ba8b9_TextPercentage" hidden="1">
            <a:extLst>
              <a:ext uri="{FF2B5EF4-FFF2-40B4-BE49-F238E27FC236}">
                <a16:creationId xmlns:a16="http://schemas.microsoft.com/office/drawing/2014/main" id="{267B1405-B956-4F64-AFF8-44781621C352}"/>
              </a:ext>
            </a:extLst>
          </p:cNvPr>
          <p:cNvSpPr txBox="1"/>
          <p:nvPr>
            <p:custDataLst>
              <p:tags r:id="rId325"/>
            </p:custDataLst>
          </p:nvPr>
        </p:nvSpPr>
        <p:spPr>
          <a:xfrm>
            <a:off x="0" y="16010762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5670" name="OTLSHAPE_T_acbc66b5b6ce44aaa8535da06f3ba8b9_StartDate" hidden="1">
            <a:extLst>
              <a:ext uri="{FF2B5EF4-FFF2-40B4-BE49-F238E27FC236}">
                <a16:creationId xmlns:a16="http://schemas.microsoft.com/office/drawing/2014/main" id="{A6AAE3F4-39B5-4E54-9515-24A804BBB4E6}"/>
              </a:ext>
            </a:extLst>
          </p:cNvPr>
          <p:cNvSpPr txBox="1"/>
          <p:nvPr>
            <p:custDataLst>
              <p:tags r:id="rId326"/>
            </p:custDataLst>
          </p:nvPr>
        </p:nvSpPr>
        <p:spPr>
          <a:xfrm>
            <a:off x="0" y="16010762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671" name="OTLSHAPE_T_acbc66b5b6ce44aaa8535da06f3ba8b9_EndDate" hidden="1">
            <a:extLst>
              <a:ext uri="{FF2B5EF4-FFF2-40B4-BE49-F238E27FC236}">
                <a16:creationId xmlns:a16="http://schemas.microsoft.com/office/drawing/2014/main" id="{B201C72C-BEDB-4771-A230-07C79A051320}"/>
              </a:ext>
            </a:extLst>
          </p:cNvPr>
          <p:cNvSpPr txBox="1"/>
          <p:nvPr>
            <p:custDataLst>
              <p:tags r:id="rId327"/>
            </p:custDataLst>
          </p:nvPr>
        </p:nvSpPr>
        <p:spPr>
          <a:xfrm>
            <a:off x="0" y="16010762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672" name="OTLSHAPE_T_acbc66b5b6ce44aaa8535da06f3ba8b9_JoinedDate">
            <a:extLst>
              <a:ext uri="{FF2B5EF4-FFF2-40B4-BE49-F238E27FC236}">
                <a16:creationId xmlns:a16="http://schemas.microsoft.com/office/drawing/2014/main" id="{67FF9B4D-D667-4964-9E02-FE8EB36C2DC9}"/>
              </a:ext>
            </a:extLst>
          </p:cNvPr>
          <p:cNvSpPr txBox="1"/>
          <p:nvPr>
            <p:custDataLst>
              <p:tags r:id="rId328"/>
            </p:custDataLst>
          </p:nvPr>
        </p:nvSpPr>
        <p:spPr>
          <a:xfrm>
            <a:off x="15317476" y="15879826"/>
            <a:ext cx="1206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6">
                <a:solidFill>
                  <a:schemeClr val="dk2"/>
                </a:solidFill>
                <a:latin typeface="Calibri" panose="020F0502020204030204" pitchFamily="34" charset="0"/>
              </a:rPr>
              <a:t>9/23/2019 - 1/15/2020</a:t>
            </a:r>
          </a:p>
        </p:txBody>
      </p:sp>
      <p:sp>
        <p:nvSpPr>
          <p:cNvPr id="5673" name="OTLSHAPE_T_acbc66b5b6ce44aaa8535da06f3ba8b9_Title">
            <a:extLst>
              <a:ext uri="{FF2B5EF4-FFF2-40B4-BE49-F238E27FC236}">
                <a16:creationId xmlns:a16="http://schemas.microsoft.com/office/drawing/2014/main" id="{380E28E3-D944-47C2-81F7-63E9D987E95F}"/>
              </a:ext>
            </a:extLst>
          </p:cNvPr>
          <p:cNvSpPr txBox="1"/>
          <p:nvPr>
            <p:custDataLst>
              <p:tags r:id="rId329"/>
            </p:custDataLst>
          </p:nvPr>
        </p:nvSpPr>
        <p:spPr>
          <a:xfrm>
            <a:off x="127000" y="15872079"/>
            <a:ext cx="952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6">
                <a:solidFill>
                  <a:schemeClr val="dk1"/>
                </a:solidFill>
                <a:latin typeface="Calibri" panose="020F0502020204030204" pitchFamily="34" charset="0"/>
              </a:rPr>
              <a:t>BUSINESS LOGIC</a:t>
            </a:r>
          </a:p>
        </p:txBody>
      </p:sp>
      <p:sp>
        <p:nvSpPr>
          <p:cNvPr id="5674" name="OTLSHAPE_T_aea69bf4c88a4da3b0ed0b6f460b5af5_Shape">
            <a:extLst>
              <a:ext uri="{FF2B5EF4-FFF2-40B4-BE49-F238E27FC236}">
                <a16:creationId xmlns:a16="http://schemas.microsoft.com/office/drawing/2014/main" id="{4F98C0CB-302E-43A3-BDD0-83EFC1C0BD29}"/>
              </a:ext>
            </a:extLst>
          </p:cNvPr>
          <p:cNvSpPr/>
          <p:nvPr>
            <p:custDataLst>
              <p:tags r:id="rId330"/>
            </p:custDataLst>
          </p:nvPr>
        </p:nvSpPr>
        <p:spPr>
          <a:xfrm>
            <a:off x="6983628" y="16152622"/>
            <a:ext cx="2882900" cy="203200"/>
          </a:xfrm>
          <a:prstGeom prst="rect">
            <a:avLst/>
          </a:prstGeom>
          <a:solidFill>
            <a:srgbClr val="FEBA0A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675" name="OTLSHAPE_T_aea69bf4c88a4da3b0ed0b6f460b5af5_ShapePercentage" hidden="1">
            <a:extLst>
              <a:ext uri="{FF2B5EF4-FFF2-40B4-BE49-F238E27FC236}">
                <a16:creationId xmlns:a16="http://schemas.microsoft.com/office/drawing/2014/main" id="{660F385D-F201-48CA-9B64-94E5D8698616}"/>
              </a:ext>
            </a:extLst>
          </p:cNvPr>
          <p:cNvSpPr/>
          <p:nvPr>
            <p:custDataLst>
              <p:tags r:id="rId331"/>
            </p:custDataLst>
          </p:nvPr>
        </p:nvSpPr>
        <p:spPr>
          <a:xfrm>
            <a:off x="6983628" y="16152622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676" name="OTLSHAPE_T_aea69bf4c88a4da3b0ed0b6f460b5af5_Duration" hidden="1">
            <a:extLst>
              <a:ext uri="{FF2B5EF4-FFF2-40B4-BE49-F238E27FC236}">
                <a16:creationId xmlns:a16="http://schemas.microsoft.com/office/drawing/2014/main" id="{A86B4591-4085-4661-A992-7DCA43144898}"/>
              </a:ext>
            </a:extLst>
          </p:cNvPr>
          <p:cNvSpPr txBox="1"/>
          <p:nvPr>
            <p:custDataLst>
              <p:tags r:id="rId332"/>
            </p:custDataLst>
          </p:nvPr>
        </p:nvSpPr>
        <p:spPr>
          <a:xfrm>
            <a:off x="0" y="16122438"/>
            <a:ext cx="3937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40 Tage</a:t>
            </a:r>
          </a:p>
        </p:txBody>
      </p:sp>
      <p:sp>
        <p:nvSpPr>
          <p:cNvPr id="5677" name="OTLSHAPE_T_aea69bf4c88a4da3b0ed0b6f460b5af5_TextPercentage" hidden="1">
            <a:extLst>
              <a:ext uri="{FF2B5EF4-FFF2-40B4-BE49-F238E27FC236}">
                <a16:creationId xmlns:a16="http://schemas.microsoft.com/office/drawing/2014/main" id="{AE1EFA7D-C1B3-48C1-A1E4-964EE0F23703}"/>
              </a:ext>
            </a:extLst>
          </p:cNvPr>
          <p:cNvSpPr txBox="1"/>
          <p:nvPr>
            <p:custDataLst>
              <p:tags r:id="rId333"/>
            </p:custDataLst>
          </p:nvPr>
        </p:nvSpPr>
        <p:spPr>
          <a:xfrm>
            <a:off x="0" y="16277462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5678" name="OTLSHAPE_T_aea69bf4c88a4da3b0ed0b6f460b5af5_StartDate" hidden="1">
            <a:extLst>
              <a:ext uri="{FF2B5EF4-FFF2-40B4-BE49-F238E27FC236}">
                <a16:creationId xmlns:a16="http://schemas.microsoft.com/office/drawing/2014/main" id="{DACAF9E3-BD87-44EE-B358-530B255ED75D}"/>
              </a:ext>
            </a:extLst>
          </p:cNvPr>
          <p:cNvSpPr txBox="1"/>
          <p:nvPr>
            <p:custDataLst>
              <p:tags r:id="rId334"/>
            </p:custDataLst>
          </p:nvPr>
        </p:nvSpPr>
        <p:spPr>
          <a:xfrm>
            <a:off x="0" y="16277462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679" name="OTLSHAPE_T_aea69bf4c88a4da3b0ed0b6f460b5af5_EndDate" hidden="1">
            <a:extLst>
              <a:ext uri="{FF2B5EF4-FFF2-40B4-BE49-F238E27FC236}">
                <a16:creationId xmlns:a16="http://schemas.microsoft.com/office/drawing/2014/main" id="{A2A70D83-29F6-40EB-853F-E1ADAC696CA6}"/>
              </a:ext>
            </a:extLst>
          </p:cNvPr>
          <p:cNvSpPr txBox="1"/>
          <p:nvPr>
            <p:custDataLst>
              <p:tags r:id="rId335"/>
            </p:custDataLst>
          </p:nvPr>
        </p:nvSpPr>
        <p:spPr>
          <a:xfrm>
            <a:off x="0" y="16277462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680" name="OTLSHAPE_T_aea69bf4c88a4da3b0ed0b6f460b5af5_JoinedDate">
            <a:extLst>
              <a:ext uri="{FF2B5EF4-FFF2-40B4-BE49-F238E27FC236}">
                <a16:creationId xmlns:a16="http://schemas.microsoft.com/office/drawing/2014/main" id="{4A186D98-FF6F-4D81-9AF0-0A1259B65AE5}"/>
              </a:ext>
            </a:extLst>
          </p:cNvPr>
          <p:cNvSpPr txBox="1"/>
          <p:nvPr>
            <p:custDataLst>
              <p:tags r:id="rId336"/>
            </p:custDataLst>
          </p:nvPr>
        </p:nvSpPr>
        <p:spPr>
          <a:xfrm>
            <a:off x="9915455" y="16122438"/>
            <a:ext cx="2032000" cy="26356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700" spc="-12">
                <a:solidFill>
                  <a:schemeClr val="dk2"/>
                </a:solidFill>
                <a:latin typeface="Calibri" panose="020F0502020204030204" pitchFamily="34" charset="0"/>
              </a:rPr>
              <a:t>9/23/2019 - 11/1/2019</a:t>
            </a:r>
          </a:p>
        </p:txBody>
      </p:sp>
      <p:sp>
        <p:nvSpPr>
          <p:cNvPr id="5681" name="OTLSHAPE_T_aea69bf4c88a4da3b0ed0b6f460b5af5_Title">
            <a:extLst>
              <a:ext uri="{FF2B5EF4-FFF2-40B4-BE49-F238E27FC236}">
                <a16:creationId xmlns:a16="http://schemas.microsoft.com/office/drawing/2014/main" id="{6254F9CE-1BE5-4E23-8CE2-DB3FF0C27F79}"/>
              </a:ext>
            </a:extLst>
          </p:cNvPr>
          <p:cNvSpPr txBox="1"/>
          <p:nvPr>
            <p:custDataLst>
              <p:tags r:id="rId337"/>
            </p:custDataLst>
          </p:nvPr>
        </p:nvSpPr>
        <p:spPr>
          <a:xfrm>
            <a:off x="127000" y="16168962"/>
            <a:ext cx="1752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100" b="1" spc="-2">
                <a:solidFill>
                  <a:schemeClr val="dk1"/>
                </a:solidFill>
                <a:latin typeface="Calibri" panose="020F0502020204030204" pitchFamily="34" charset="0"/>
              </a:rPr>
              <a:t>Funktion Anmeldung (Linnert)</a:t>
            </a:r>
          </a:p>
        </p:txBody>
      </p:sp>
      <p:sp>
        <p:nvSpPr>
          <p:cNvPr id="5682" name="OTLSHAPE_T_bb2ba46e33fa4a42ae8fe39183fcd217_Shape">
            <a:extLst>
              <a:ext uri="{FF2B5EF4-FFF2-40B4-BE49-F238E27FC236}">
                <a16:creationId xmlns:a16="http://schemas.microsoft.com/office/drawing/2014/main" id="{5488382C-4AA9-461F-B5C6-88E728A2E857}"/>
              </a:ext>
            </a:extLst>
          </p:cNvPr>
          <p:cNvSpPr/>
          <p:nvPr>
            <p:custDataLst>
              <p:tags r:id="rId338"/>
            </p:custDataLst>
          </p:nvPr>
        </p:nvSpPr>
        <p:spPr>
          <a:xfrm>
            <a:off x="9144436" y="16479689"/>
            <a:ext cx="2882900" cy="203200"/>
          </a:xfrm>
          <a:prstGeom prst="rect">
            <a:avLst/>
          </a:prstGeom>
          <a:solidFill>
            <a:srgbClr val="FEBA0A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683" name="OTLSHAPE_T_bb2ba46e33fa4a42ae8fe39183fcd217_ShapePercentage" hidden="1">
            <a:extLst>
              <a:ext uri="{FF2B5EF4-FFF2-40B4-BE49-F238E27FC236}">
                <a16:creationId xmlns:a16="http://schemas.microsoft.com/office/drawing/2014/main" id="{CBE2B04D-09FD-4AD8-BBE0-3649A5AEECD6}"/>
              </a:ext>
            </a:extLst>
          </p:cNvPr>
          <p:cNvSpPr/>
          <p:nvPr>
            <p:custDataLst>
              <p:tags r:id="rId339"/>
            </p:custDataLst>
          </p:nvPr>
        </p:nvSpPr>
        <p:spPr>
          <a:xfrm>
            <a:off x="9144436" y="16479689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684" name="OTLSHAPE_T_bb2ba46e33fa4a42ae8fe39183fcd217_Duration" hidden="1">
            <a:extLst>
              <a:ext uri="{FF2B5EF4-FFF2-40B4-BE49-F238E27FC236}">
                <a16:creationId xmlns:a16="http://schemas.microsoft.com/office/drawing/2014/main" id="{D0EC549E-326C-4411-A31F-F51E7E739191}"/>
              </a:ext>
            </a:extLst>
          </p:cNvPr>
          <p:cNvSpPr txBox="1"/>
          <p:nvPr>
            <p:custDataLst>
              <p:tags r:id="rId340"/>
            </p:custDataLst>
          </p:nvPr>
        </p:nvSpPr>
        <p:spPr>
          <a:xfrm>
            <a:off x="0" y="16449506"/>
            <a:ext cx="3937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40 Tage</a:t>
            </a:r>
          </a:p>
        </p:txBody>
      </p:sp>
      <p:sp>
        <p:nvSpPr>
          <p:cNvPr id="5685" name="OTLSHAPE_T_bb2ba46e33fa4a42ae8fe39183fcd217_TextPercentage" hidden="1">
            <a:extLst>
              <a:ext uri="{FF2B5EF4-FFF2-40B4-BE49-F238E27FC236}">
                <a16:creationId xmlns:a16="http://schemas.microsoft.com/office/drawing/2014/main" id="{DCA4EE65-0917-43CC-9F65-49EA3FA4D3D3}"/>
              </a:ext>
            </a:extLst>
          </p:cNvPr>
          <p:cNvSpPr txBox="1"/>
          <p:nvPr>
            <p:custDataLst>
              <p:tags r:id="rId341"/>
            </p:custDataLst>
          </p:nvPr>
        </p:nvSpPr>
        <p:spPr>
          <a:xfrm>
            <a:off x="0" y="1660453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5686" name="OTLSHAPE_T_bb2ba46e33fa4a42ae8fe39183fcd217_StartDate" hidden="1">
            <a:extLst>
              <a:ext uri="{FF2B5EF4-FFF2-40B4-BE49-F238E27FC236}">
                <a16:creationId xmlns:a16="http://schemas.microsoft.com/office/drawing/2014/main" id="{48CE852A-4A20-40B5-BCCF-41E17A287B24}"/>
              </a:ext>
            </a:extLst>
          </p:cNvPr>
          <p:cNvSpPr txBox="1"/>
          <p:nvPr>
            <p:custDataLst>
              <p:tags r:id="rId342"/>
            </p:custDataLst>
          </p:nvPr>
        </p:nvSpPr>
        <p:spPr>
          <a:xfrm>
            <a:off x="0" y="16604531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687" name="OTLSHAPE_T_bb2ba46e33fa4a42ae8fe39183fcd217_EndDate" hidden="1">
            <a:extLst>
              <a:ext uri="{FF2B5EF4-FFF2-40B4-BE49-F238E27FC236}">
                <a16:creationId xmlns:a16="http://schemas.microsoft.com/office/drawing/2014/main" id="{C539DC45-ED02-4E5E-8701-2B1493779227}"/>
              </a:ext>
            </a:extLst>
          </p:cNvPr>
          <p:cNvSpPr txBox="1"/>
          <p:nvPr>
            <p:custDataLst>
              <p:tags r:id="rId343"/>
            </p:custDataLst>
          </p:nvPr>
        </p:nvSpPr>
        <p:spPr>
          <a:xfrm>
            <a:off x="0" y="16604531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688" name="OTLSHAPE_T_bb2ba46e33fa4a42ae8fe39183fcd217_JoinedDate">
            <a:extLst>
              <a:ext uri="{FF2B5EF4-FFF2-40B4-BE49-F238E27FC236}">
                <a16:creationId xmlns:a16="http://schemas.microsoft.com/office/drawing/2014/main" id="{0024C7C0-A9B3-4B91-9936-72E236189D40}"/>
              </a:ext>
            </a:extLst>
          </p:cNvPr>
          <p:cNvSpPr txBox="1"/>
          <p:nvPr>
            <p:custDataLst>
              <p:tags r:id="rId344"/>
            </p:custDataLst>
          </p:nvPr>
        </p:nvSpPr>
        <p:spPr>
          <a:xfrm>
            <a:off x="12076264" y="16449506"/>
            <a:ext cx="2146300" cy="26356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700" spc="-12">
                <a:solidFill>
                  <a:schemeClr val="dk2"/>
                </a:solidFill>
                <a:latin typeface="Calibri" panose="020F0502020204030204" pitchFamily="34" charset="0"/>
              </a:rPr>
              <a:t>10/23/2019 - 12/1/2019</a:t>
            </a:r>
          </a:p>
        </p:txBody>
      </p:sp>
      <p:sp>
        <p:nvSpPr>
          <p:cNvPr id="5689" name="OTLSHAPE_T_bb2ba46e33fa4a42ae8fe39183fcd217_Title">
            <a:extLst>
              <a:ext uri="{FF2B5EF4-FFF2-40B4-BE49-F238E27FC236}">
                <a16:creationId xmlns:a16="http://schemas.microsoft.com/office/drawing/2014/main" id="{2134D1A5-B717-4611-A7CC-648901D8786D}"/>
              </a:ext>
            </a:extLst>
          </p:cNvPr>
          <p:cNvSpPr txBox="1"/>
          <p:nvPr>
            <p:custDataLst>
              <p:tags r:id="rId345"/>
            </p:custDataLst>
          </p:nvPr>
        </p:nvSpPr>
        <p:spPr>
          <a:xfrm>
            <a:off x="127000" y="16496030"/>
            <a:ext cx="2120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100" b="1" spc="-4">
                <a:solidFill>
                  <a:schemeClr val="dk1"/>
                </a:solidFill>
                <a:latin typeface="Calibri" panose="020F0502020204030204" pitchFamily="34" charset="0"/>
              </a:rPr>
              <a:t>Funktion Kontakte speicher (Linnert)</a:t>
            </a:r>
          </a:p>
        </p:txBody>
      </p:sp>
      <p:sp>
        <p:nvSpPr>
          <p:cNvPr id="5690" name="OTLSHAPE_T_0b1e8459444947f39d194de20c098f06_Shape">
            <a:extLst>
              <a:ext uri="{FF2B5EF4-FFF2-40B4-BE49-F238E27FC236}">
                <a16:creationId xmlns:a16="http://schemas.microsoft.com/office/drawing/2014/main" id="{AB38CB5D-7C99-4DF4-B5CB-2F2E2E6C269E}"/>
              </a:ext>
            </a:extLst>
          </p:cNvPr>
          <p:cNvSpPr/>
          <p:nvPr>
            <p:custDataLst>
              <p:tags r:id="rId346"/>
            </p:custDataLst>
          </p:nvPr>
        </p:nvSpPr>
        <p:spPr>
          <a:xfrm>
            <a:off x="8496194" y="16806757"/>
            <a:ext cx="3822700" cy="203200"/>
          </a:xfrm>
          <a:prstGeom prst="rect">
            <a:avLst/>
          </a:prstGeom>
          <a:solidFill>
            <a:srgbClr val="FEBA0A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691" name="OTLSHAPE_T_0b1e8459444947f39d194de20c098f06_ShapePercentage" hidden="1">
            <a:extLst>
              <a:ext uri="{FF2B5EF4-FFF2-40B4-BE49-F238E27FC236}">
                <a16:creationId xmlns:a16="http://schemas.microsoft.com/office/drawing/2014/main" id="{5DBE2B59-86B0-4691-9248-9AA50E5DB5A9}"/>
              </a:ext>
            </a:extLst>
          </p:cNvPr>
          <p:cNvSpPr/>
          <p:nvPr>
            <p:custDataLst>
              <p:tags r:id="rId347"/>
            </p:custDataLst>
          </p:nvPr>
        </p:nvSpPr>
        <p:spPr>
          <a:xfrm>
            <a:off x="8496194" y="16806757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692" name="OTLSHAPE_T_0b1e8459444947f39d194de20c098f06_Duration" hidden="1">
            <a:extLst>
              <a:ext uri="{FF2B5EF4-FFF2-40B4-BE49-F238E27FC236}">
                <a16:creationId xmlns:a16="http://schemas.microsoft.com/office/drawing/2014/main" id="{29C973DD-6FF1-4D55-94FE-346EB8DB6566}"/>
              </a:ext>
            </a:extLst>
          </p:cNvPr>
          <p:cNvSpPr txBox="1"/>
          <p:nvPr>
            <p:custDataLst>
              <p:tags r:id="rId348"/>
            </p:custDataLst>
          </p:nvPr>
        </p:nvSpPr>
        <p:spPr>
          <a:xfrm>
            <a:off x="0" y="16776573"/>
            <a:ext cx="3937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53 Tage</a:t>
            </a:r>
          </a:p>
        </p:txBody>
      </p:sp>
      <p:sp>
        <p:nvSpPr>
          <p:cNvPr id="5693" name="OTLSHAPE_T_0b1e8459444947f39d194de20c098f06_TextPercentage" hidden="1">
            <a:extLst>
              <a:ext uri="{FF2B5EF4-FFF2-40B4-BE49-F238E27FC236}">
                <a16:creationId xmlns:a16="http://schemas.microsoft.com/office/drawing/2014/main" id="{82629835-B372-4867-A851-DD2A3D02FB74}"/>
              </a:ext>
            </a:extLst>
          </p:cNvPr>
          <p:cNvSpPr txBox="1"/>
          <p:nvPr>
            <p:custDataLst>
              <p:tags r:id="rId349"/>
            </p:custDataLst>
          </p:nvPr>
        </p:nvSpPr>
        <p:spPr>
          <a:xfrm>
            <a:off x="0" y="1693159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5694" name="OTLSHAPE_T_0b1e8459444947f39d194de20c098f06_StartDate" hidden="1">
            <a:extLst>
              <a:ext uri="{FF2B5EF4-FFF2-40B4-BE49-F238E27FC236}">
                <a16:creationId xmlns:a16="http://schemas.microsoft.com/office/drawing/2014/main" id="{715BBD96-AF8F-4354-9007-D8C7342691D2}"/>
              </a:ext>
            </a:extLst>
          </p:cNvPr>
          <p:cNvSpPr txBox="1"/>
          <p:nvPr>
            <p:custDataLst>
              <p:tags r:id="rId350"/>
            </p:custDataLst>
          </p:nvPr>
        </p:nvSpPr>
        <p:spPr>
          <a:xfrm>
            <a:off x="0" y="16931598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695" name="OTLSHAPE_T_0b1e8459444947f39d194de20c098f06_EndDate" hidden="1">
            <a:extLst>
              <a:ext uri="{FF2B5EF4-FFF2-40B4-BE49-F238E27FC236}">
                <a16:creationId xmlns:a16="http://schemas.microsoft.com/office/drawing/2014/main" id="{F1C62F7A-CCD6-4300-B51D-A3E2FAC1C775}"/>
              </a:ext>
            </a:extLst>
          </p:cNvPr>
          <p:cNvSpPr txBox="1"/>
          <p:nvPr>
            <p:custDataLst>
              <p:tags r:id="rId351"/>
            </p:custDataLst>
          </p:nvPr>
        </p:nvSpPr>
        <p:spPr>
          <a:xfrm>
            <a:off x="0" y="16931598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696" name="OTLSHAPE_T_0b1e8459444947f39d194de20c098f06_JoinedDate">
            <a:extLst>
              <a:ext uri="{FF2B5EF4-FFF2-40B4-BE49-F238E27FC236}">
                <a16:creationId xmlns:a16="http://schemas.microsoft.com/office/drawing/2014/main" id="{B7ACD560-9803-4676-B7EF-FA3B7120B543}"/>
              </a:ext>
            </a:extLst>
          </p:cNvPr>
          <p:cNvSpPr txBox="1"/>
          <p:nvPr>
            <p:custDataLst>
              <p:tags r:id="rId352"/>
            </p:custDataLst>
          </p:nvPr>
        </p:nvSpPr>
        <p:spPr>
          <a:xfrm>
            <a:off x="12364372" y="16776573"/>
            <a:ext cx="2146300" cy="26356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700" spc="-12">
                <a:solidFill>
                  <a:schemeClr val="dk2"/>
                </a:solidFill>
                <a:latin typeface="Calibri" panose="020F0502020204030204" pitchFamily="34" charset="0"/>
              </a:rPr>
              <a:t>10/14/2019 - 12/5/2019</a:t>
            </a:r>
          </a:p>
        </p:txBody>
      </p:sp>
      <p:sp>
        <p:nvSpPr>
          <p:cNvPr id="5697" name="OTLSHAPE_T_0b1e8459444947f39d194de20c098f06_Title">
            <a:extLst>
              <a:ext uri="{FF2B5EF4-FFF2-40B4-BE49-F238E27FC236}">
                <a16:creationId xmlns:a16="http://schemas.microsoft.com/office/drawing/2014/main" id="{014D9D6D-878E-4EAA-8860-1236D2CEAFFC}"/>
              </a:ext>
            </a:extLst>
          </p:cNvPr>
          <p:cNvSpPr txBox="1"/>
          <p:nvPr>
            <p:custDataLst>
              <p:tags r:id="rId353"/>
            </p:custDataLst>
          </p:nvPr>
        </p:nvSpPr>
        <p:spPr>
          <a:xfrm>
            <a:off x="127000" y="16823097"/>
            <a:ext cx="1765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100" b="1" spc="-4">
                <a:solidFill>
                  <a:schemeClr val="dk1"/>
                </a:solidFill>
                <a:latin typeface="Calibri" panose="020F0502020204030204" pitchFamily="34" charset="0"/>
              </a:rPr>
              <a:t>Funktion Projectview (Linnert)</a:t>
            </a:r>
          </a:p>
        </p:txBody>
      </p:sp>
      <p:sp>
        <p:nvSpPr>
          <p:cNvPr id="5698" name="OTLSHAPE_T_5d2856876b4144dbbc6c5b7e509fdc72_Shape">
            <a:extLst>
              <a:ext uri="{FF2B5EF4-FFF2-40B4-BE49-F238E27FC236}">
                <a16:creationId xmlns:a16="http://schemas.microsoft.com/office/drawing/2014/main" id="{2754EBB6-09CA-41F0-BF6B-76857F08B145}"/>
              </a:ext>
            </a:extLst>
          </p:cNvPr>
          <p:cNvSpPr/>
          <p:nvPr>
            <p:custDataLst>
              <p:tags r:id="rId354"/>
            </p:custDataLst>
          </p:nvPr>
        </p:nvSpPr>
        <p:spPr>
          <a:xfrm>
            <a:off x="9792678" y="17133824"/>
            <a:ext cx="3606800" cy="203200"/>
          </a:xfrm>
          <a:prstGeom prst="rect">
            <a:avLst/>
          </a:prstGeom>
          <a:solidFill>
            <a:srgbClr val="FEBA0A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699" name="OTLSHAPE_T_5d2856876b4144dbbc6c5b7e509fdc72_ShapePercentage" hidden="1">
            <a:extLst>
              <a:ext uri="{FF2B5EF4-FFF2-40B4-BE49-F238E27FC236}">
                <a16:creationId xmlns:a16="http://schemas.microsoft.com/office/drawing/2014/main" id="{17AE7259-05D4-4FC2-94B5-192E22B987AF}"/>
              </a:ext>
            </a:extLst>
          </p:cNvPr>
          <p:cNvSpPr/>
          <p:nvPr>
            <p:custDataLst>
              <p:tags r:id="rId355"/>
            </p:custDataLst>
          </p:nvPr>
        </p:nvSpPr>
        <p:spPr>
          <a:xfrm>
            <a:off x="9792678" y="17133824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700" name="OTLSHAPE_T_5d2856876b4144dbbc6c5b7e509fdc72_Duration" hidden="1">
            <a:extLst>
              <a:ext uri="{FF2B5EF4-FFF2-40B4-BE49-F238E27FC236}">
                <a16:creationId xmlns:a16="http://schemas.microsoft.com/office/drawing/2014/main" id="{341BA501-7C6D-4F29-A435-B25BC3A7E930}"/>
              </a:ext>
            </a:extLst>
          </p:cNvPr>
          <p:cNvSpPr txBox="1"/>
          <p:nvPr>
            <p:custDataLst>
              <p:tags r:id="rId356"/>
            </p:custDataLst>
          </p:nvPr>
        </p:nvSpPr>
        <p:spPr>
          <a:xfrm>
            <a:off x="0" y="17103640"/>
            <a:ext cx="3937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50 Tage</a:t>
            </a:r>
          </a:p>
        </p:txBody>
      </p:sp>
      <p:sp>
        <p:nvSpPr>
          <p:cNvPr id="5701" name="OTLSHAPE_T_5d2856876b4144dbbc6c5b7e509fdc72_TextPercentage" hidden="1">
            <a:extLst>
              <a:ext uri="{FF2B5EF4-FFF2-40B4-BE49-F238E27FC236}">
                <a16:creationId xmlns:a16="http://schemas.microsoft.com/office/drawing/2014/main" id="{4CB829F5-1D50-487F-8976-B7A034CB2130}"/>
              </a:ext>
            </a:extLst>
          </p:cNvPr>
          <p:cNvSpPr txBox="1"/>
          <p:nvPr>
            <p:custDataLst>
              <p:tags r:id="rId357"/>
            </p:custDataLst>
          </p:nvPr>
        </p:nvSpPr>
        <p:spPr>
          <a:xfrm>
            <a:off x="0" y="1725866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5702" name="OTLSHAPE_T_5d2856876b4144dbbc6c5b7e509fdc72_StartDate" hidden="1">
            <a:extLst>
              <a:ext uri="{FF2B5EF4-FFF2-40B4-BE49-F238E27FC236}">
                <a16:creationId xmlns:a16="http://schemas.microsoft.com/office/drawing/2014/main" id="{86EF587B-5109-4D91-86BD-8A45A34564B5}"/>
              </a:ext>
            </a:extLst>
          </p:cNvPr>
          <p:cNvSpPr txBox="1"/>
          <p:nvPr>
            <p:custDataLst>
              <p:tags r:id="rId358"/>
            </p:custDataLst>
          </p:nvPr>
        </p:nvSpPr>
        <p:spPr>
          <a:xfrm>
            <a:off x="0" y="17258664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703" name="OTLSHAPE_T_5d2856876b4144dbbc6c5b7e509fdc72_EndDate" hidden="1">
            <a:extLst>
              <a:ext uri="{FF2B5EF4-FFF2-40B4-BE49-F238E27FC236}">
                <a16:creationId xmlns:a16="http://schemas.microsoft.com/office/drawing/2014/main" id="{01B9F47D-B2BF-4ED9-AD94-C3712523D267}"/>
              </a:ext>
            </a:extLst>
          </p:cNvPr>
          <p:cNvSpPr txBox="1"/>
          <p:nvPr>
            <p:custDataLst>
              <p:tags r:id="rId359"/>
            </p:custDataLst>
          </p:nvPr>
        </p:nvSpPr>
        <p:spPr>
          <a:xfrm>
            <a:off x="0" y="17258664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704" name="OTLSHAPE_T_5d2856876b4144dbbc6c5b7e509fdc72_JoinedDate">
            <a:extLst>
              <a:ext uri="{FF2B5EF4-FFF2-40B4-BE49-F238E27FC236}">
                <a16:creationId xmlns:a16="http://schemas.microsoft.com/office/drawing/2014/main" id="{5F2F6EEB-121B-4DCC-B13F-6228FBD0DF73}"/>
              </a:ext>
            </a:extLst>
          </p:cNvPr>
          <p:cNvSpPr txBox="1"/>
          <p:nvPr>
            <p:custDataLst>
              <p:tags r:id="rId360"/>
            </p:custDataLst>
          </p:nvPr>
        </p:nvSpPr>
        <p:spPr>
          <a:xfrm>
            <a:off x="13444775" y="17103640"/>
            <a:ext cx="2146300" cy="26356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700" spc="-12">
                <a:solidFill>
                  <a:schemeClr val="dk2"/>
                </a:solidFill>
                <a:latin typeface="Calibri" panose="020F0502020204030204" pitchFamily="34" charset="0"/>
              </a:rPr>
              <a:t>11/1/2019 - 12/20/2019</a:t>
            </a:r>
          </a:p>
        </p:txBody>
      </p:sp>
      <p:sp>
        <p:nvSpPr>
          <p:cNvPr id="5705" name="OTLSHAPE_T_5d2856876b4144dbbc6c5b7e509fdc72_Title">
            <a:extLst>
              <a:ext uri="{FF2B5EF4-FFF2-40B4-BE49-F238E27FC236}">
                <a16:creationId xmlns:a16="http://schemas.microsoft.com/office/drawing/2014/main" id="{3BEA533F-F597-4CB3-916C-04B7564A23DF}"/>
              </a:ext>
            </a:extLst>
          </p:cNvPr>
          <p:cNvSpPr txBox="1"/>
          <p:nvPr>
            <p:custDataLst>
              <p:tags r:id="rId361"/>
            </p:custDataLst>
          </p:nvPr>
        </p:nvSpPr>
        <p:spPr>
          <a:xfrm>
            <a:off x="127000" y="17150164"/>
            <a:ext cx="2057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100" b="1" spc="-4">
                <a:solidFill>
                  <a:schemeClr val="dk1"/>
                </a:solidFill>
                <a:latin typeface="Calibri" panose="020F0502020204030204" pitchFamily="34" charset="0"/>
              </a:rPr>
              <a:t>Funktion Shotlists anlegen (Linnert)</a:t>
            </a:r>
          </a:p>
        </p:txBody>
      </p:sp>
      <p:sp>
        <p:nvSpPr>
          <p:cNvPr id="5706" name="OTLSHAPE_T_f0a6d3c5036b42998bbbfb800809cbe9_Shape">
            <a:extLst>
              <a:ext uri="{FF2B5EF4-FFF2-40B4-BE49-F238E27FC236}">
                <a16:creationId xmlns:a16="http://schemas.microsoft.com/office/drawing/2014/main" id="{1AF695A6-7584-4552-9282-42ED4ACA6BF8}"/>
              </a:ext>
            </a:extLst>
          </p:cNvPr>
          <p:cNvSpPr/>
          <p:nvPr>
            <p:custDataLst>
              <p:tags r:id="rId362"/>
            </p:custDataLst>
          </p:nvPr>
        </p:nvSpPr>
        <p:spPr>
          <a:xfrm>
            <a:off x="10368894" y="17460891"/>
            <a:ext cx="2603500" cy="203200"/>
          </a:xfrm>
          <a:prstGeom prst="rect">
            <a:avLst/>
          </a:prstGeom>
          <a:solidFill>
            <a:srgbClr val="FEBA0A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707" name="OTLSHAPE_T_f0a6d3c5036b42998bbbfb800809cbe9_ShapePercentage" hidden="1">
            <a:extLst>
              <a:ext uri="{FF2B5EF4-FFF2-40B4-BE49-F238E27FC236}">
                <a16:creationId xmlns:a16="http://schemas.microsoft.com/office/drawing/2014/main" id="{2B781B8C-35CF-4EF9-9E3D-37251FA8165D}"/>
              </a:ext>
            </a:extLst>
          </p:cNvPr>
          <p:cNvSpPr/>
          <p:nvPr>
            <p:custDataLst>
              <p:tags r:id="rId363"/>
            </p:custDataLst>
          </p:nvPr>
        </p:nvSpPr>
        <p:spPr>
          <a:xfrm>
            <a:off x="10368894" y="17460891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708" name="OTLSHAPE_T_f0a6d3c5036b42998bbbfb800809cbe9_Duration" hidden="1">
            <a:extLst>
              <a:ext uri="{FF2B5EF4-FFF2-40B4-BE49-F238E27FC236}">
                <a16:creationId xmlns:a16="http://schemas.microsoft.com/office/drawing/2014/main" id="{13344158-4B55-42CA-A648-E887F594F08C}"/>
              </a:ext>
            </a:extLst>
          </p:cNvPr>
          <p:cNvSpPr txBox="1"/>
          <p:nvPr>
            <p:custDataLst>
              <p:tags r:id="rId364"/>
            </p:custDataLst>
          </p:nvPr>
        </p:nvSpPr>
        <p:spPr>
          <a:xfrm>
            <a:off x="0" y="17430708"/>
            <a:ext cx="3937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36 Tage</a:t>
            </a:r>
          </a:p>
        </p:txBody>
      </p:sp>
      <p:sp>
        <p:nvSpPr>
          <p:cNvPr id="5709" name="OTLSHAPE_T_f0a6d3c5036b42998bbbfb800809cbe9_TextPercentage" hidden="1">
            <a:extLst>
              <a:ext uri="{FF2B5EF4-FFF2-40B4-BE49-F238E27FC236}">
                <a16:creationId xmlns:a16="http://schemas.microsoft.com/office/drawing/2014/main" id="{A65117C4-8599-4452-A7D2-5F5DB182C46C}"/>
              </a:ext>
            </a:extLst>
          </p:cNvPr>
          <p:cNvSpPr txBox="1"/>
          <p:nvPr>
            <p:custDataLst>
              <p:tags r:id="rId365"/>
            </p:custDataLst>
          </p:nvPr>
        </p:nvSpPr>
        <p:spPr>
          <a:xfrm>
            <a:off x="0" y="17585733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5710" name="OTLSHAPE_T_f0a6d3c5036b42998bbbfb800809cbe9_StartDate" hidden="1">
            <a:extLst>
              <a:ext uri="{FF2B5EF4-FFF2-40B4-BE49-F238E27FC236}">
                <a16:creationId xmlns:a16="http://schemas.microsoft.com/office/drawing/2014/main" id="{3714430B-6C74-47EA-8509-3DB7E5E8E111}"/>
              </a:ext>
            </a:extLst>
          </p:cNvPr>
          <p:cNvSpPr txBox="1"/>
          <p:nvPr>
            <p:custDataLst>
              <p:tags r:id="rId366"/>
            </p:custDataLst>
          </p:nvPr>
        </p:nvSpPr>
        <p:spPr>
          <a:xfrm>
            <a:off x="0" y="17585733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711" name="OTLSHAPE_T_f0a6d3c5036b42998bbbfb800809cbe9_EndDate" hidden="1">
            <a:extLst>
              <a:ext uri="{FF2B5EF4-FFF2-40B4-BE49-F238E27FC236}">
                <a16:creationId xmlns:a16="http://schemas.microsoft.com/office/drawing/2014/main" id="{131F5203-4CCF-4CEF-9D5A-86449A84430A}"/>
              </a:ext>
            </a:extLst>
          </p:cNvPr>
          <p:cNvSpPr txBox="1"/>
          <p:nvPr>
            <p:custDataLst>
              <p:tags r:id="rId367"/>
            </p:custDataLst>
          </p:nvPr>
        </p:nvSpPr>
        <p:spPr>
          <a:xfrm>
            <a:off x="0" y="17585733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712" name="OTLSHAPE_T_f0a6d3c5036b42998bbbfb800809cbe9_JoinedDate">
            <a:extLst>
              <a:ext uri="{FF2B5EF4-FFF2-40B4-BE49-F238E27FC236}">
                <a16:creationId xmlns:a16="http://schemas.microsoft.com/office/drawing/2014/main" id="{F6A28E7C-F7A3-4D58-BF45-8DAF8A3A896B}"/>
              </a:ext>
            </a:extLst>
          </p:cNvPr>
          <p:cNvSpPr txBox="1"/>
          <p:nvPr>
            <p:custDataLst>
              <p:tags r:id="rId368"/>
            </p:custDataLst>
          </p:nvPr>
        </p:nvSpPr>
        <p:spPr>
          <a:xfrm>
            <a:off x="13012613" y="17430708"/>
            <a:ext cx="2146300" cy="26356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700" spc="-12">
                <a:solidFill>
                  <a:schemeClr val="dk2"/>
                </a:solidFill>
                <a:latin typeface="Calibri" panose="020F0502020204030204" pitchFamily="34" charset="0"/>
              </a:rPr>
              <a:t>11/9/2019 - 12/14/2019</a:t>
            </a:r>
          </a:p>
        </p:txBody>
      </p:sp>
      <p:sp>
        <p:nvSpPr>
          <p:cNvPr id="5713" name="OTLSHAPE_T_f0a6d3c5036b42998bbbfb800809cbe9_Title">
            <a:extLst>
              <a:ext uri="{FF2B5EF4-FFF2-40B4-BE49-F238E27FC236}">
                <a16:creationId xmlns:a16="http://schemas.microsoft.com/office/drawing/2014/main" id="{CF3C602A-BFD5-464A-BFCF-616DA1BCF874}"/>
              </a:ext>
            </a:extLst>
          </p:cNvPr>
          <p:cNvSpPr txBox="1"/>
          <p:nvPr>
            <p:custDataLst>
              <p:tags r:id="rId369"/>
            </p:custDataLst>
          </p:nvPr>
        </p:nvSpPr>
        <p:spPr>
          <a:xfrm>
            <a:off x="127000" y="17477232"/>
            <a:ext cx="2222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100" b="1" spc="-2">
                <a:solidFill>
                  <a:schemeClr val="dk1"/>
                </a:solidFill>
                <a:latin typeface="Calibri" panose="020F0502020204030204" pitchFamily="34" charset="0"/>
              </a:rPr>
              <a:t>Funktion Locations speichern (Linnert)</a:t>
            </a:r>
          </a:p>
        </p:txBody>
      </p:sp>
      <p:sp>
        <p:nvSpPr>
          <p:cNvPr id="5714" name="OTLSHAPE_T_082cb28cb5d649a89fa5d0362ea28e3c_Shape">
            <a:extLst>
              <a:ext uri="{FF2B5EF4-FFF2-40B4-BE49-F238E27FC236}">
                <a16:creationId xmlns:a16="http://schemas.microsoft.com/office/drawing/2014/main" id="{E7D3B38D-B776-4D3E-BA38-B609F7A04452}"/>
              </a:ext>
            </a:extLst>
          </p:cNvPr>
          <p:cNvSpPr/>
          <p:nvPr>
            <p:custDataLst>
              <p:tags r:id="rId370"/>
            </p:custDataLst>
          </p:nvPr>
        </p:nvSpPr>
        <p:spPr>
          <a:xfrm>
            <a:off x="11377271" y="17787959"/>
            <a:ext cx="2882900" cy="203200"/>
          </a:xfrm>
          <a:prstGeom prst="rect">
            <a:avLst/>
          </a:prstGeom>
          <a:solidFill>
            <a:srgbClr val="FEBA0A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715" name="OTLSHAPE_T_082cb28cb5d649a89fa5d0362ea28e3c_ShapePercentage" hidden="1">
            <a:extLst>
              <a:ext uri="{FF2B5EF4-FFF2-40B4-BE49-F238E27FC236}">
                <a16:creationId xmlns:a16="http://schemas.microsoft.com/office/drawing/2014/main" id="{95B3330C-6870-4147-BB62-2702A49728B6}"/>
              </a:ext>
            </a:extLst>
          </p:cNvPr>
          <p:cNvSpPr/>
          <p:nvPr>
            <p:custDataLst>
              <p:tags r:id="rId371"/>
            </p:custDataLst>
          </p:nvPr>
        </p:nvSpPr>
        <p:spPr>
          <a:xfrm>
            <a:off x="11377271" y="17787959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716" name="OTLSHAPE_T_082cb28cb5d649a89fa5d0362ea28e3c_Duration" hidden="1">
            <a:extLst>
              <a:ext uri="{FF2B5EF4-FFF2-40B4-BE49-F238E27FC236}">
                <a16:creationId xmlns:a16="http://schemas.microsoft.com/office/drawing/2014/main" id="{26A4C0AA-7308-4E14-8B8D-934C4D6814E5}"/>
              </a:ext>
            </a:extLst>
          </p:cNvPr>
          <p:cNvSpPr txBox="1"/>
          <p:nvPr>
            <p:custDataLst>
              <p:tags r:id="rId372"/>
            </p:custDataLst>
          </p:nvPr>
        </p:nvSpPr>
        <p:spPr>
          <a:xfrm>
            <a:off x="0" y="17757775"/>
            <a:ext cx="3937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40 Tage</a:t>
            </a:r>
          </a:p>
        </p:txBody>
      </p:sp>
      <p:sp>
        <p:nvSpPr>
          <p:cNvPr id="5717" name="OTLSHAPE_T_082cb28cb5d649a89fa5d0362ea28e3c_TextPercentage" hidden="1">
            <a:extLst>
              <a:ext uri="{FF2B5EF4-FFF2-40B4-BE49-F238E27FC236}">
                <a16:creationId xmlns:a16="http://schemas.microsoft.com/office/drawing/2014/main" id="{FB66BF2E-2881-46C9-9536-FD239AD3088B}"/>
              </a:ext>
            </a:extLst>
          </p:cNvPr>
          <p:cNvSpPr txBox="1"/>
          <p:nvPr>
            <p:custDataLst>
              <p:tags r:id="rId373"/>
            </p:custDataLst>
          </p:nvPr>
        </p:nvSpPr>
        <p:spPr>
          <a:xfrm>
            <a:off x="0" y="1791280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5718" name="OTLSHAPE_T_082cb28cb5d649a89fa5d0362ea28e3c_StartDate" hidden="1">
            <a:extLst>
              <a:ext uri="{FF2B5EF4-FFF2-40B4-BE49-F238E27FC236}">
                <a16:creationId xmlns:a16="http://schemas.microsoft.com/office/drawing/2014/main" id="{88F03622-E840-4728-AC7F-CDBFB25C14E2}"/>
              </a:ext>
            </a:extLst>
          </p:cNvPr>
          <p:cNvSpPr txBox="1"/>
          <p:nvPr>
            <p:custDataLst>
              <p:tags r:id="rId374"/>
            </p:custDataLst>
          </p:nvPr>
        </p:nvSpPr>
        <p:spPr>
          <a:xfrm>
            <a:off x="0" y="17912800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719" name="OTLSHAPE_T_082cb28cb5d649a89fa5d0362ea28e3c_EndDate" hidden="1">
            <a:extLst>
              <a:ext uri="{FF2B5EF4-FFF2-40B4-BE49-F238E27FC236}">
                <a16:creationId xmlns:a16="http://schemas.microsoft.com/office/drawing/2014/main" id="{7F105B9D-71D4-4526-A57F-81B45BAD8E00}"/>
              </a:ext>
            </a:extLst>
          </p:cNvPr>
          <p:cNvSpPr txBox="1"/>
          <p:nvPr>
            <p:custDataLst>
              <p:tags r:id="rId375"/>
            </p:custDataLst>
          </p:nvPr>
        </p:nvSpPr>
        <p:spPr>
          <a:xfrm>
            <a:off x="0" y="17912800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720" name="OTLSHAPE_T_082cb28cb5d649a89fa5d0362ea28e3c_JoinedDate">
            <a:extLst>
              <a:ext uri="{FF2B5EF4-FFF2-40B4-BE49-F238E27FC236}">
                <a16:creationId xmlns:a16="http://schemas.microsoft.com/office/drawing/2014/main" id="{7C6BAF7B-0028-4C0B-9257-3422CBCFDD87}"/>
              </a:ext>
            </a:extLst>
          </p:cNvPr>
          <p:cNvSpPr txBox="1"/>
          <p:nvPr>
            <p:custDataLst>
              <p:tags r:id="rId376"/>
            </p:custDataLst>
          </p:nvPr>
        </p:nvSpPr>
        <p:spPr>
          <a:xfrm>
            <a:off x="14309099" y="17757775"/>
            <a:ext cx="2032000" cy="26356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700" spc="-12">
                <a:solidFill>
                  <a:schemeClr val="dk2"/>
                </a:solidFill>
                <a:latin typeface="Calibri" panose="020F0502020204030204" pitchFamily="34" charset="0"/>
              </a:rPr>
              <a:t>11/23/2019 - 1/1/2020</a:t>
            </a:r>
          </a:p>
        </p:txBody>
      </p:sp>
      <p:sp>
        <p:nvSpPr>
          <p:cNvPr id="5721" name="OTLSHAPE_T_082cb28cb5d649a89fa5d0362ea28e3c_Title">
            <a:extLst>
              <a:ext uri="{FF2B5EF4-FFF2-40B4-BE49-F238E27FC236}">
                <a16:creationId xmlns:a16="http://schemas.microsoft.com/office/drawing/2014/main" id="{45D41DB9-FDEC-4DF6-AE35-4B2E22C2E187}"/>
              </a:ext>
            </a:extLst>
          </p:cNvPr>
          <p:cNvSpPr txBox="1"/>
          <p:nvPr>
            <p:custDataLst>
              <p:tags r:id="rId377"/>
            </p:custDataLst>
          </p:nvPr>
        </p:nvSpPr>
        <p:spPr>
          <a:xfrm>
            <a:off x="127000" y="17804299"/>
            <a:ext cx="2768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100" b="1" spc="-2">
                <a:solidFill>
                  <a:schemeClr val="dk1"/>
                </a:solidFill>
                <a:latin typeface="Calibri" panose="020F0502020204030204" pitchFamily="34" charset="0"/>
              </a:rPr>
              <a:t>Funktion Kalenderereignisse speichern (Linnert)</a:t>
            </a:r>
          </a:p>
        </p:txBody>
      </p:sp>
      <p:sp>
        <p:nvSpPr>
          <p:cNvPr id="5722" name="OTLSHAPE_T_31104af39cbe4ca28d02c28b0c7c57a6_Shape">
            <a:extLst>
              <a:ext uri="{FF2B5EF4-FFF2-40B4-BE49-F238E27FC236}">
                <a16:creationId xmlns:a16="http://schemas.microsoft.com/office/drawing/2014/main" id="{11AD3FF0-125A-4908-A669-C624119228FC}"/>
              </a:ext>
            </a:extLst>
          </p:cNvPr>
          <p:cNvSpPr/>
          <p:nvPr>
            <p:custDataLst>
              <p:tags r:id="rId378"/>
            </p:custDataLst>
          </p:nvPr>
        </p:nvSpPr>
        <p:spPr>
          <a:xfrm>
            <a:off x="7559843" y="18115026"/>
            <a:ext cx="7708900" cy="203200"/>
          </a:xfrm>
          <a:prstGeom prst="rect">
            <a:avLst/>
          </a:prstGeom>
          <a:solidFill>
            <a:srgbClr val="FEBA0A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723" name="OTLSHAPE_T_31104af39cbe4ca28d02c28b0c7c57a6_ShapePercentage" hidden="1">
            <a:extLst>
              <a:ext uri="{FF2B5EF4-FFF2-40B4-BE49-F238E27FC236}">
                <a16:creationId xmlns:a16="http://schemas.microsoft.com/office/drawing/2014/main" id="{798D85EB-4093-4879-9C0A-C92130177DF4}"/>
              </a:ext>
            </a:extLst>
          </p:cNvPr>
          <p:cNvSpPr/>
          <p:nvPr>
            <p:custDataLst>
              <p:tags r:id="rId379"/>
            </p:custDataLst>
          </p:nvPr>
        </p:nvSpPr>
        <p:spPr>
          <a:xfrm>
            <a:off x="7559843" y="18115026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724" name="OTLSHAPE_T_31104af39cbe4ca28d02c28b0c7c57a6_Duration" hidden="1">
            <a:extLst>
              <a:ext uri="{FF2B5EF4-FFF2-40B4-BE49-F238E27FC236}">
                <a16:creationId xmlns:a16="http://schemas.microsoft.com/office/drawing/2014/main" id="{91DD4B8A-B57C-46B1-879C-DA59FA623727}"/>
              </a:ext>
            </a:extLst>
          </p:cNvPr>
          <p:cNvSpPr txBox="1"/>
          <p:nvPr>
            <p:custDataLst>
              <p:tags r:id="rId380"/>
            </p:custDataLst>
          </p:nvPr>
        </p:nvSpPr>
        <p:spPr>
          <a:xfrm>
            <a:off x="0" y="18084842"/>
            <a:ext cx="4572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107 Tage</a:t>
            </a:r>
          </a:p>
        </p:txBody>
      </p:sp>
      <p:sp>
        <p:nvSpPr>
          <p:cNvPr id="5725" name="OTLSHAPE_T_31104af39cbe4ca28d02c28b0c7c57a6_TextPercentage" hidden="1">
            <a:extLst>
              <a:ext uri="{FF2B5EF4-FFF2-40B4-BE49-F238E27FC236}">
                <a16:creationId xmlns:a16="http://schemas.microsoft.com/office/drawing/2014/main" id="{3E75BA87-B7E1-4F63-B9C8-1EB17D21A5AA}"/>
              </a:ext>
            </a:extLst>
          </p:cNvPr>
          <p:cNvSpPr txBox="1"/>
          <p:nvPr>
            <p:custDataLst>
              <p:tags r:id="rId381"/>
            </p:custDataLst>
          </p:nvPr>
        </p:nvSpPr>
        <p:spPr>
          <a:xfrm>
            <a:off x="0" y="1823986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5726" name="OTLSHAPE_T_31104af39cbe4ca28d02c28b0c7c57a6_StartDate" hidden="1">
            <a:extLst>
              <a:ext uri="{FF2B5EF4-FFF2-40B4-BE49-F238E27FC236}">
                <a16:creationId xmlns:a16="http://schemas.microsoft.com/office/drawing/2014/main" id="{800DC4A5-7D34-4575-9DB1-1089938CC3B2}"/>
              </a:ext>
            </a:extLst>
          </p:cNvPr>
          <p:cNvSpPr txBox="1"/>
          <p:nvPr>
            <p:custDataLst>
              <p:tags r:id="rId382"/>
            </p:custDataLst>
          </p:nvPr>
        </p:nvSpPr>
        <p:spPr>
          <a:xfrm>
            <a:off x="0" y="18239867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727" name="OTLSHAPE_T_31104af39cbe4ca28d02c28b0c7c57a6_EndDate" hidden="1">
            <a:extLst>
              <a:ext uri="{FF2B5EF4-FFF2-40B4-BE49-F238E27FC236}">
                <a16:creationId xmlns:a16="http://schemas.microsoft.com/office/drawing/2014/main" id="{4813E481-9E29-4FC5-995D-DD7F575F4455}"/>
              </a:ext>
            </a:extLst>
          </p:cNvPr>
          <p:cNvSpPr txBox="1"/>
          <p:nvPr>
            <p:custDataLst>
              <p:tags r:id="rId383"/>
            </p:custDataLst>
          </p:nvPr>
        </p:nvSpPr>
        <p:spPr>
          <a:xfrm>
            <a:off x="0" y="18239867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728" name="OTLSHAPE_T_31104af39cbe4ca28d02c28b0c7c57a6_JoinedDate">
            <a:extLst>
              <a:ext uri="{FF2B5EF4-FFF2-40B4-BE49-F238E27FC236}">
                <a16:creationId xmlns:a16="http://schemas.microsoft.com/office/drawing/2014/main" id="{EF80A72D-6290-49E2-8E27-15C948853510}"/>
              </a:ext>
            </a:extLst>
          </p:cNvPr>
          <p:cNvSpPr txBox="1"/>
          <p:nvPr>
            <p:custDataLst>
              <p:tags r:id="rId384"/>
            </p:custDataLst>
          </p:nvPr>
        </p:nvSpPr>
        <p:spPr>
          <a:xfrm>
            <a:off x="15317476" y="18084842"/>
            <a:ext cx="2032000" cy="26356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700" spc="-12">
                <a:solidFill>
                  <a:schemeClr val="dk2"/>
                </a:solidFill>
                <a:latin typeface="Calibri" panose="020F0502020204030204" pitchFamily="34" charset="0"/>
              </a:rPr>
              <a:t>10/1/2019 - 1/15/2020</a:t>
            </a:r>
          </a:p>
        </p:txBody>
      </p:sp>
      <p:sp>
        <p:nvSpPr>
          <p:cNvPr id="5729" name="OTLSHAPE_T_31104af39cbe4ca28d02c28b0c7c57a6_Title">
            <a:extLst>
              <a:ext uri="{FF2B5EF4-FFF2-40B4-BE49-F238E27FC236}">
                <a16:creationId xmlns:a16="http://schemas.microsoft.com/office/drawing/2014/main" id="{69F252DB-DA49-4E59-A3D5-C77ADAE42970}"/>
              </a:ext>
            </a:extLst>
          </p:cNvPr>
          <p:cNvSpPr txBox="1"/>
          <p:nvPr>
            <p:custDataLst>
              <p:tags r:id="rId385"/>
            </p:custDataLst>
          </p:nvPr>
        </p:nvSpPr>
        <p:spPr>
          <a:xfrm>
            <a:off x="127000" y="18131366"/>
            <a:ext cx="2349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100" b="1" spc="-2">
                <a:solidFill>
                  <a:schemeClr val="dk1"/>
                </a:solidFill>
                <a:latin typeface="Calibri" panose="020F0502020204030204" pitchFamily="34" charset="0"/>
              </a:rPr>
              <a:t>Funktion Dokumente speichern (Linnert)</a:t>
            </a:r>
          </a:p>
        </p:txBody>
      </p:sp>
      <p:sp>
        <p:nvSpPr>
          <p:cNvPr id="5730" name="OTLSHAPE_T_b5c8b6bd492e4c829f181ca55164d3e7_Shape">
            <a:extLst>
              <a:ext uri="{FF2B5EF4-FFF2-40B4-BE49-F238E27FC236}">
                <a16:creationId xmlns:a16="http://schemas.microsoft.com/office/drawing/2014/main" id="{59BD9FC5-B9BF-440E-BFFB-9D508D2997A8}"/>
              </a:ext>
            </a:extLst>
          </p:cNvPr>
          <p:cNvSpPr/>
          <p:nvPr>
            <p:custDataLst>
              <p:tags r:id="rId386"/>
            </p:custDataLst>
          </p:nvPr>
        </p:nvSpPr>
        <p:spPr>
          <a:xfrm>
            <a:off x="16347129" y="18411910"/>
            <a:ext cx="3606800" cy="203200"/>
          </a:xfrm>
          <a:prstGeom prst="rect">
            <a:avLst/>
          </a:prstGeom>
          <a:solidFill>
            <a:srgbClr val="2F3699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731" name="OTLSHAPE_T_b5c8b6bd492e4c829f181ca55164d3e7_ShapePercentage" hidden="1">
            <a:extLst>
              <a:ext uri="{FF2B5EF4-FFF2-40B4-BE49-F238E27FC236}">
                <a16:creationId xmlns:a16="http://schemas.microsoft.com/office/drawing/2014/main" id="{B5D0F662-3658-4EA6-BB59-B7F83C303BC2}"/>
              </a:ext>
            </a:extLst>
          </p:cNvPr>
          <p:cNvSpPr/>
          <p:nvPr>
            <p:custDataLst>
              <p:tags r:id="rId387"/>
            </p:custDataLst>
          </p:nvPr>
        </p:nvSpPr>
        <p:spPr>
          <a:xfrm>
            <a:off x="16347129" y="1841191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732" name="OTLSHAPE_T_b5c8b6bd492e4c829f181ca55164d3e7_Duration" hidden="1">
            <a:extLst>
              <a:ext uri="{FF2B5EF4-FFF2-40B4-BE49-F238E27FC236}">
                <a16:creationId xmlns:a16="http://schemas.microsoft.com/office/drawing/2014/main" id="{D13D23D3-4509-4E6C-923C-90B628406D8C}"/>
              </a:ext>
            </a:extLst>
          </p:cNvPr>
          <p:cNvSpPr txBox="1"/>
          <p:nvPr>
            <p:custDataLst>
              <p:tags r:id="rId388"/>
            </p:custDataLst>
          </p:nvPr>
        </p:nvSpPr>
        <p:spPr>
          <a:xfrm>
            <a:off x="0" y="18411910"/>
            <a:ext cx="3937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50 Tage</a:t>
            </a:r>
          </a:p>
        </p:txBody>
      </p:sp>
      <p:sp>
        <p:nvSpPr>
          <p:cNvPr id="5733" name="OTLSHAPE_T_b5c8b6bd492e4c829f181ca55164d3e7_TextPercentage" hidden="1">
            <a:extLst>
              <a:ext uri="{FF2B5EF4-FFF2-40B4-BE49-F238E27FC236}">
                <a16:creationId xmlns:a16="http://schemas.microsoft.com/office/drawing/2014/main" id="{8224E5E1-BB36-4124-87B7-36C1793B3D02}"/>
              </a:ext>
            </a:extLst>
          </p:cNvPr>
          <p:cNvSpPr txBox="1"/>
          <p:nvPr>
            <p:custDataLst>
              <p:tags r:id="rId389"/>
            </p:custDataLst>
          </p:nvPr>
        </p:nvSpPr>
        <p:spPr>
          <a:xfrm>
            <a:off x="0" y="1856693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5734" name="OTLSHAPE_T_b5c8b6bd492e4c829f181ca55164d3e7_StartDate" hidden="1">
            <a:extLst>
              <a:ext uri="{FF2B5EF4-FFF2-40B4-BE49-F238E27FC236}">
                <a16:creationId xmlns:a16="http://schemas.microsoft.com/office/drawing/2014/main" id="{7945E663-D7E1-4DB8-950D-EF11657F8861}"/>
              </a:ext>
            </a:extLst>
          </p:cNvPr>
          <p:cNvSpPr txBox="1"/>
          <p:nvPr>
            <p:custDataLst>
              <p:tags r:id="rId390"/>
            </p:custDataLst>
          </p:nvPr>
        </p:nvSpPr>
        <p:spPr>
          <a:xfrm>
            <a:off x="0" y="1856693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735" name="OTLSHAPE_T_b5c8b6bd492e4c829f181ca55164d3e7_EndDate" hidden="1">
            <a:extLst>
              <a:ext uri="{FF2B5EF4-FFF2-40B4-BE49-F238E27FC236}">
                <a16:creationId xmlns:a16="http://schemas.microsoft.com/office/drawing/2014/main" id="{F3BADA7A-10F8-4F79-8615-E6F167E92495}"/>
              </a:ext>
            </a:extLst>
          </p:cNvPr>
          <p:cNvSpPr txBox="1"/>
          <p:nvPr>
            <p:custDataLst>
              <p:tags r:id="rId391"/>
            </p:custDataLst>
          </p:nvPr>
        </p:nvSpPr>
        <p:spPr>
          <a:xfrm>
            <a:off x="0" y="1856693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736" name="OTLSHAPE_T_b5c8b6bd492e4c829f181ca55164d3e7_JoinedDate">
            <a:extLst>
              <a:ext uri="{FF2B5EF4-FFF2-40B4-BE49-F238E27FC236}">
                <a16:creationId xmlns:a16="http://schemas.microsoft.com/office/drawing/2014/main" id="{388F711C-09B4-4476-AE91-575E672D4C62}"/>
              </a:ext>
            </a:extLst>
          </p:cNvPr>
          <p:cNvSpPr txBox="1"/>
          <p:nvPr>
            <p:custDataLst>
              <p:tags r:id="rId392"/>
            </p:custDataLst>
          </p:nvPr>
        </p:nvSpPr>
        <p:spPr>
          <a:xfrm>
            <a:off x="19999227" y="18435997"/>
            <a:ext cx="1206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6">
                <a:solidFill>
                  <a:schemeClr val="dk2"/>
                </a:solidFill>
                <a:latin typeface="Calibri" panose="020F0502020204030204" pitchFamily="34" charset="0"/>
              </a:rPr>
              <a:t>1/31/2020 - 3/20/2020</a:t>
            </a:r>
          </a:p>
        </p:txBody>
      </p:sp>
      <p:sp>
        <p:nvSpPr>
          <p:cNvPr id="5737" name="OTLSHAPE_T_b5c8b6bd492e4c829f181ca55164d3e7_Title">
            <a:extLst>
              <a:ext uri="{FF2B5EF4-FFF2-40B4-BE49-F238E27FC236}">
                <a16:creationId xmlns:a16="http://schemas.microsoft.com/office/drawing/2014/main" id="{5FD4FD82-6F6D-40C3-9E83-4EE858A11249}"/>
              </a:ext>
            </a:extLst>
          </p:cNvPr>
          <p:cNvSpPr txBox="1"/>
          <p:nvPr>
            <p:custDataLst>
              <p:tags r:id="rId393"/>
            </p:custDataLst>
          </p:nvPr>
        </p:nvSpPr>
        <p:spPr>
          <a:xfrm>
            <a:off x="127000" y="18428250"/>
            <a:ext cx="2286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6">
                <a:solidFill>
                  <a:schemeClr val="dk1"/>
                </a:solidFill>
                <a:latin typeface="Calibri" panose="020F0502020204030204" pitchFamily="34" charset="0"/>
              </a:rPr>
              <a:t>TEST + PROBLEMBEHANDLUNGS PHASE</a:t>
            </a:r>
          </a:p>
        </p:txBody>
      </p:sp>
      <p:sp>
        <p:nvSpPr>
          <p:cNvPr id="5738" name="OTLSHAPE_T_625152fce1bc4226a1545630f6e01995_Shape">
            <a:extLst>
              <a:ext uri="{FF2B5EF4-FFF2-40B4-BE49-F238E27FC236}">
                <a16:creationId xmlns:a16="http://schemas.microsoft.com/office/drawing/2014/main" id="{DC3510C3-255D-4D6A-BFC8-FC30B93B7DBC}"/>
              </a:ext>
            </a:extLst>
          </p:cNvPr>
          <p:cNvSpPr/>
          <p:nvPr>
            <p:custDataLst>
              <p:tags r:id="rId394"/>
            </p:custDataLst>
          </p:nvPr>
        </p:nvSpPr>
        <p:spPr>
          <a:xfrm>
            <a:off x="16347129" y="18840577"/>
            <a:ext cx="3606800" cy="203200"/>
          </a:xfrm>
          <a:prstGeom prst="rect">
            <a:avLst/>
          </a:prstGeom>
          <a:solidFill>
            <a:srgbClr val="73737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739" name="OTLSHAPE_T_625152fce1bc4226a1545630f6e01995_ShapePercentage" hidden="1">
            <a:extLst>
              <a:ext uri="{FF2B5EF4-FFF2-40B4-BE49-F238E27FC236}">
                <a16:creationId xmlns:a16="http://schemas.microsoft.com/office/drawing/2014/main" id="{32D84462-BEED-4C96-939B-78DB8FE438E8}"/>
              </a:ext>
            </a:extLst>
          </p:cNvPr>
          <p:cNvSpPr/>
          <p:nvPr>
            <p:custDataLst>
              <p:tags r:id="rId395"/>
            </p:custDataLst>
          </p:nvPr>
        </p:nvSpPr>
        <p:spPr>
          <a:xfrm>
            <a:off x="16347129" y="18840577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740" name="OTLSHAPE_T_625152fce1bc4226a1545630f6e01995_Duration" hidden="1">
            <a:extLst>
              <a:ext uri="{FF2B5EF4-FFF2-40B4-BE49-F238E27FC236}">
                <a16:creationId xmlns:a16="http://schemas.microsoft.com/office/drawing/2014/main" id="{86DA5A68-A080-4A25-9F09-6E57B2D301C4}"/>
              </a:ext>
            </a:extLst>
          </p:cNvPr>
          <p:cNvSpPr txBox="1"/>
          <p:nvPr>
            <p:custDataLst>
              <p:tags r:id="rId396"/>
            </p:custDataLst>
          </p:nvPr>
        </p:nvSpPr>
        <p:spPr>
          <a:xfrm>
            <a:off x="0" y="18678610"/>
            <a:ext cx="3937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50 Tage</a:t>
            </a:r>
          </a:p>
        </p:txBody>
      </p:sp>
      <p:sp>
        <p:nvSpPr>
          <p:cNvPr id="5741" name="OTLSHAPE_T_625152fce1bc4226a1545630f6e01995_TextPercentage" hidden="1">
            <a:extLst>
              <a:ext uri="{FF2B5EF4-FFF2-40B4-BE49-F238E27FC236}">
                <a16:creationId xmlns:a16="http://schemas.microsoft.com/office/drawing/2014/main" id="{C3C14FA0-7FBC-4821-993B-B06D57954861}"/>
              </a:ext>
            </a:extLst>
          </p:cNvPr>
          <p:cNvSpPr txBox="1"/>
          <p:nvPr>
            <p:custDataLst>
              <p:tags r:id="rId397"/>
            </p:custDataLst>
          </p:nvPr>
        </p:nvSpPr>
        <p:spPr>
          <a:xfrm>
            <a:off x="0" y="1883363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5742" name="OTLSHAPE_T_625152fce1bc4226a1545630f6e01995_StartDate" hidden="1">
            <a:extLst>
              <a:ext uri="{FF2B5EF4-FFF2-40B4-BE49-F238E27FC236}">
                <a16:creationId xmlns:a16="http://schemas.microsoft.com/office/drawing/2014/main" id="{F93D8449-5653-42E7-9599-FA53233232A1}"/>
              </a:ext>
            </a:extLst>
          </p:cNvPr>
          <p:cNvSpPr txBox="1"/>
          <p:nvPr>
            <p:custDataLst>
              <p:tags r:id="rId398"/>
            </p:custDataLst>
          </p:nvPr>
        </p:nvSpPr>
        <p:spPr>
          <a:xfrm>
            <a:off x="0" y="18833635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743" name="OTLSHAPE_T_625152fce1bc4226a1545630f6e01995_EndDate" hidden="1">
            <a:extLst>
              <a:ext uri="{FF2B5EF4-FFF2-40B4-BE49-F238E27FC236}">
                <a16:creationId xmlns:a16="http://schemas.microsoft.com/office/drawing/2014/main" id="{86BC6878-00E1-4B44-B14B-2A7EFDFBC7B0}"/>
              </a:ext>
            </a:extLst>
          </p:cNvPr>
          <p:cNvSpPr txBox="1"/>
          <p:nvPr>
            <p:custDataLst>
              <p:tags r:id="rId399"/>
            </p:custDataLst>
          </p:nvPr>
        </p:nvSpPr>
        <p:spPr>
          <a:xfrm>
            <a:off x="0" y="18833635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744" name="OTLSHAPE_T_625152fce1bc4226a1545630f6e01995_JoinedDate">
            <a:extLst>
              <a:ext uri="{FF2B5EF4-FFF2-40B4-BE49-F238E27FC236}">
                <a16:creationId xmlns:a16="http://schemas.microsoft.com/office/drawing/2014/main" id="{F5BCB5E4-C9F5-45DD-870D-603F9FD70B8A}"/>
              </a:ext>
            </a:extLst>
          </p:cNvPr>
          <p:cNvSpPr txBox="1"/>
          <p:nvPr>
            <p:custDataLst>
              <p:tags r:id="rId400"/>
            </p:custDataLst>
          </p:nvPr>
        </p:nvSpPr>
        <p:spPr>
          <a:xfrm>
            <a:off x="19999227" y="18678610"/>
            <a:ext cx="1104900" cy="52713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700">
                <a:solidFill>
                  <a:schemeClr val="dk2"/>
                </a:solidFill>
                <a:latin typeface="Calibri" panose="020F0502020204030204" pitchFamily="34" charset="0"/>
              </a:rPr>
              <a:t>1/31/2020 - 3/20/2020</a:t>
            </a:r>
          </a:p>
        </p:txBody>
      </p:sp>
      <p:sp>
        <p:nvSpPr>
          <p:cNvPr id="5745" name="OTLSHAPE_T_625152fce1bc4226a1545630f6e01995_Title">
            <a:extLst>
              <a:ext uri="{FF2B5EF4-FFF2-40B4-BE49-F238E27FC236}">
                <a16:creationId xmlns:a16="http://schemas.microsoft.com/office/drawing/2014/main" id="{52C0C006-0186-4C4E-82F6-1627B1751E68}"/>
              </a:ext>
            </a:extLst>
          </p:cNvPr>
          <p:cNvSpPr txBox="1"/>
          <p:nvPr>
            <p:custDataLst>
              <p:tags r:id="rId401"/>
            </p:custDataLst>
          </p:nvPr>
        </p:nvSpPr>
        <p:spPr>
          <a:xfrm>
            <a:off x="127000" y="18856917"/>
            <a:ext cx="1282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100" b="1" spc="-4">
                <a:solidFill>
                  <a:schemeClr val="dk1"/>
                </a:solidFill>
                <a:latin typeface="Calibri" panose="020F0502020204030204" pitchFamily="34" charset="0"/>
              </a:rPr>
              <a:t>Verbesserungen (Alle)</a:t>
            </a:r>
          </a:p>
        </p:txBody>
      </p:sp>
      <p:sp>
        <p:nvSpPr>
          <p:cNvPr id="5746" name="OTLSHAPE_T_775eba9507c746c68449b96bfae8966e_Shape">
            <a:extLst>
              <a:ext uri="{FF2B5EF4-FFF2-40B4-BE49-F238E27FC236}">
                <a16:creationId xmlns:a16="http://schemas.microsoft.com/office/drawing/2014/main" id="{6814A68C-5FF6-4964-A0DC-9354FD064DD7}"/>
              </a:ext>
            </a:extLst>
          </p:cNvPr>
          <p:cNvSpPr/>
          <p:nvPr>
            <p:custDataLst>
              <p:tags r:id="rId402"/>
            </p:custDataLst>
          </p:nvPr>
        </p:nvSpPr>
        <p:spPr>
          <a:xfrm>
            <a:off x="16347129" y="19431212"/>
            <a:ext cx="3606800" cy="203200"/>
          </a:xfrm>
          <a:prstGeom prst="rect">
            <a:avLst/>
          </a:prstGeom>
          <a:solidFill>
            <a:srgbClr val="73737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747" name="OTLSHAPE_T_775eba9507c746c68449b96bfae8966e_ShapePercentage" hidden="1">
            <a:extLst>
              <a:ext uri="{FF2B5EF4-FFF2-40B4-BE49-F238E27FC236}">
                <a16:creationId xmlns:a16="http://schemas.microsoft.com/office/drawing/2014/main" id="{EF095C26-20F0-40A1-A34D-8AD56FFAA119}"/>
              </a:ext>
            </a:extLst>
          </p:cNvPr>
          <p:cNvSpPr/>
          <p:nvPr>
            <p:custDataLst>
              <p:tags r:id="rId403"/>
            </p:custDataLst>
          </p:nvPr>
        </p:nvSpPr>
        <p:spPr>
          <a:xfrm>
            <a:off x="16347129" y="19431212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748" name="OTLSHAPE_T_775eba9507c746c68449b96bfae8966e_Duration" hidden="1">
            <a:extLst>
              <a:ext uri="{FF2B5EF4-FFF2-40B4-BE49-F238E27FC236}">
                <a16:creationId xmlns:a16="http://schemas.microsoft.com/office/drawing/2014/main" id="{EFA3D6E9-0469-4082-B5A0-36342062756C}"/>
              </a:ext>
            </a:extLst>
          </p:cNvPr>
          <p:cNvSpPr txBox="1"/>
          <p:nvPr>
            <p:custDataLst>
              <p:tags r:id="rId404"/>
            </p:custDataLst>
          </p:nvPr>
        </p:nvSpPr>
        <p:spPr>
          <a:xfrm>
            <a:off x="0" y="19269244"/>
            <a:ext cx="3937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50 Tage</a:t>
            </a:r>
          </a:p>
        </p:txBody>
      </p:sp>
      <p:sp>
        <p:nvSpPr>
          <p:cNvPr id="5749" name="OTLSHAPE_T_775eba9507c746c68449b96bfae8966e_TextPercentage" hidden="1">
            <a:extLst>
              <a:ext uri="{FF2B5EF4-FFF2-40B4-BE49-F238E27FC236}">
                <a16:creationId xmlns:a16="http://schemas.microsoft.com/office/drawing/2014/main" id="{A9932671-7900-4689-9E57-5FF57C7D9491}"/>
              </a:ext>
            </a:extLst>
          </p:cNvPr>
          <p:cNvSpPr txBox="1"/>
          <p:nvPr>
            <p:custDataLst>
              <p:tags r:id="rId405"/>
            </p:custDataLst>
          </p:nvPr>
        </p:nvSpPr>
        <p:spPr>
          <a:xfrm>
            <a:off x="0" y="1942426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5750" name="OTLSHAPE_T_775eba9507c746c68449b96bfae8966e_StartDate" hidden="1">
            <a:extLst>
              <a:ext uri="{FF2B5EF4-FFF2-40B4-BE49-F238E27FC236}">
                <a16:creationId xmlns:a16="http://schemas.microsoft.com/office/drawing/2014/main" id="{E879CED6-813B-424F-A94B-D78760761556}"/>
              </a:ext>
            </a:extLst>
          </p:cNvPr>
          <p:cNvSpPr txBox="1"/>
          <p:nvPr>
            <p:custDataLst>
              <p:tags r:id="rId406"/>
            </p:custDataLst>
          </p:nvPr>
        </p:nvSpPr>
        <p:spPr>
          <a:xfrm>
            <a:off x="0" y="19424269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751" name="OTLSHAPE_T_775eba9507c746c68449b96bfae8966e_EndDate" hidden="1">
            <a:extLst>
              <a:ext uri="{FF2B5EF4-FFF2-40B4-BE49-F238E27FC236}">
                <a16:creationId xmlns:a16="http://schemas.microsoft.com/office/drawing/2014/main" id="{8D72A79B-7FD2-4529-B259-CD26EDF4FF68}"/>
              </a:ext>
            </a:extLst>
          </p:cNvPr>
          <p:cNvSpPr txBox="1"/>
          <p:nvPr>
            <p:custDataLst>
              <p:tags r:id="rId407"/>
            </p:custDataLst>
          </p:nvPr>
        </p:nvSpPr>
        <p:spPr>
          <a:xfrm>
            <a:off x="0" y="19424269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752" name="OTLSHAPE_T_775eba9507c746c68449b96bfae8966e_JoinedDate">
            <a:extLst>
              <a:ext uri="{FF2B5EF4-FFF2-40B4-BE49-F238E27FC236}">
                <a16:creationId xmlns:a16="http://schemas.microsoft.com/office/drawing/2014/main" id="{D344A9E0-F1F4-4D03-945B-D779E88B10C0}"/>
              </a:ext>
            </a:extLst>
          </p:cNvPr>
          <p:cNvSpPr txBox="1"/>
          <p:nvPr>
            <p:custDataLst>
              <p:tags r:id="rId408"/>
            </p:custDataLst>
          </p:nvPr>
        </p:nvSpPr>
        <p:spPr>
          <a:xfrm>
            <a:off x="19999227" y="19269244"/>
            <a:ext cx="1104900" cy="52713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700">
                <a:solidFill>
                  <a:schemeClr val="dk2"/>
                </a:solidFill>
                <a:latin typeface="Calibri" panose="020F0502020204030204" pitchFamily="34" charset="0"/>
              </a:rPr>
              <a:t>1/31/2020 - 3/20/2020</a:t>
            </a:r>
          </a:p>
        </p:txBody>
      </p:sp>
      <p:sp>
        <p:nvSpPr>
          <p:cNvPr id="5753" name="OTLSHAPE_T_775eba9507c746c68449b96bfae8966e_Title">
            <a:extLst>
              <a:ext uri="{FF2B5EF4-FFF2-40B4-BE49-F238E27FC236}">
                <a16:creationId xmlns:a16="http://schemas.microsoft.com/office/drawing/2014/main" id="{0A721A9B-BDA0-4B2E-83E2-2471A302124D}"/>
              </a:ext>
            </a:extLst>
          </p:cNvPr>
          <p:cNvSpPr txBox="1"/>
          <p:nvPr>
            <p:custDataLst>
              <p:tags r:id="rId409"/>
            </p:custDataLst>
          </p:nvPr>
        </p:nvSpPr>
        <p:spPr>
          <a:xfrm>
            <a:off x="127000" y="19447552"/>
            <a:ext cx="1701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100" b="1" spc="-4">
                <a:solidFill>
                  <a:schemeClr val="dk1"/>
                </a:solidFill>
                <a:latin typeface="Calibri" panose="020F0502020204030204" pitchFamily="34" charset="0"/>
              </a:rPr>
              <a:t>Design Verbesserungen (Alle)</a:t>
            </a:r>
          </a:p>
        </p:txBody>
      </p:sp>
      <p:sp>
        <p:nvSpPr>
          <p:cNvPr id="5754" name="OTLSHAPE_T_2cc2eed1777a431dbe346759e7231a0e_Shape">
            <a:extLst>
              <a:ext uri="{FF2B5EF4-FFF2-40B4-BE49-F238E27FC236}">
                <a16:creationId xmlns:a16="http://schemas.microsoft.com/office/drawing/2014/main" id="{7D460B5B-0FF3-44DB-8A65-D70FCBF9E90E}"/>
              </a:ext>
            </a:extLst>
          </p:cNvPr>
          <p:cNvSpPr/>
          <p:nvPr>
            <p:custDataLst>
              <p:tags r:id="rId410"/>
            </p:custDataLst>
          </p:nvPr>
        </p:nvSpPr>
        <p:spPr>
          <a:xfrm>
            <a:off x="16347129" y="20021846"/>
            <a:ext cx="3606800" cy="203200"/>
          </a:xfrm>
          <a:prstGeom prst="rect">
            <a:avLst/>
          </a:prstGeom>
          <a:solidFill>
            <a:srgbClr val="73737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755" name="OTLSHAPE_T_2cc2eed1777a431dbe346759e7231a0e_ShapePercentage" hidden="1">
            <a:extLst>
              <a:ext uri="{FF2B5EF4-FFF2-40B4-BE49-F238E27FC236}">
                <a16:creationId xmlns:a16="http://schemas.microsoft.com/office/drawing/2014/main" id="{78B14144-DB18-4B3A-8205-8CC1BFFE9E0D}"/>
              </a:ext>
            </a:extLst>
          </p:cNvPr>
          <p:cNvSpPr/>
          <p:nvPr>
            <p:custDataLst>
              <p:tags r:id="rId411"/>
            </p:custDataLst>
          </p:nvPr>
        </p:nvSpPr>
        <p:spPr>
          <a:xfrm>
            <a:off x="16347129" y="20021846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756" name="OTLSHAPE_T_2cc2eed1777a431dbe346759e7231a0e_Duration" hidden="1">
            <a:extLst>
              <a:ext uri="{FF2B5EF4-FFF2-40B4-BE49-F238E27FC236}">
                <a16:creationId xmlns:a16="http://schemas.microsoft.com/office/drawing/2014/main" id="{F2FDDE32-6AFA-4D59-AB14-7781505060F6}"/>
              </a:ext>
            </a:extLst>
          </p:cNvPr>
          <p:cNvSpPr txBox="1"/>
          <p:nvPr>
            <p:custDataLst>
              <p:tags r:id="rId412"/>
            </p:custDataLst>
          </p:nvPr>
        </p:nvSpPr>
        <p:spPr>
          <a:xfrm>
            <a:off x="0" y="19859879"/>
            <a:ext cx="3937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50 Tage</a:t>
            </a:r>
          </a:p>
        </p:txBody>
      </p:sp>
      <p:sp>
        <p:nvSpPr>
          <p:cNvPr id="5757" name="OTLSHAPE_T_2cc2eed1777a431dbe346759e7231a0e_TextPercentage" hidden="1">
            <a:extLst>
              <a:ext uri="{FF2B5EF4-FFF2-40B4-BE49-F238E27FC236}">
                <a16:creationId xmlns:a16="http://schemas.microsoft.com/office/drawing/2014/main" id="{EAB24224-A4C2-4275-89BA-85516E55EF5C}"/>
              </a:ext>
            </a:extLst>
          </p:cNvPr>
          <p:cNvSpPr txBox="1"/>
          <p:nvPr>
            <p:custDataLst>
              <p:tags r:id="rId413"/>
            </p:custDataLst>
          </p:nvPr>
        </p:nvSpPr>
        <p:spPr>
          <a:xfrm>
            <a:off x="0" y="2001490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5758" name="OTLSHAPE_T_2cc2eed1777a431dbe346759e7231a0e_StartDate" hidden="1">
            <a:extLst>
              <a:ext uri="{FF2B5EF4-FFF2-40B4-BE49-F238E27FC236}">
                <a16:creationId xmlns:a16="http://schemas.microsoft.com/office/drawing/2014/main" id="{0F913968-6642-4F8F-92E6-3D4EB81FABBF}"/>
              </a:ext>
            </a:extLst>
          </p:cNvPr>
          <p:cNvSpPr txBox="1"/>
          <p:nvPr>
            <p:custDataLst>
              <p:tags r:id="rId414"/>
            </p:custDataLst>
          </p:nvPr>
        </p:nvSpPr>
        <p:spPr>
          <a:xfrm>
            <a:off x="0" y="20014904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759" name="OTLSHAPE_T_2cc2eed1777a431dbe346759e7231a0e_EndDate" hidden="1">
            <a:extLst>
              <a:ext uri="{FF2B5EF4-FFF2-40B4-BE49-F238E27FC236}">
                <a16:creationId xmlns:a16="http://schemas.microsoft.com/office/drawing/2014/main" id="{15A02D99-6492-4D16-934D-C228A7A527B9}"/>
              </a:ext>
            </a:extLst>
          </p:cNvPr>
          <p:cNvSpPr txBox="1"/>
          <p:nvPr>
            <p:custDataLst>
              <p:tags r:id="rId415"/>
            </p:custDataLst>
          </p:nvPr>
        </p:nvSpPr>
        <p:spPr>
          <a:xfrm>
            <a:off x="0" y="20014904"/>
            <a:ext cx="0" cy="2616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7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760" name="OTLSHAPE_T_2cc2eed1777a431dbe346759e7231a0e_JoinedDate">
            <a:extLst>
              <a:ext uri="{FF2B5EF4-FFF2-40B4-BE49-F238E27FC236}">
                <a16:creationId xmlns:a16="http://schemas.microsoft.com/office/drawing/2014/main" id="{506E3D5B-5A08-4F58-837E-98548E4BB717}"/>
              </a:ext>
            </a:extLst>
          </p:cNvPr>
          <p:cNvSpPr txBox="1"/>
          <p:nvPr>
            <p:custDataLst>
              <p:tags r:id="rId416"/>
            </p:custDataLst>
          </p:nvPr>
        </p:nvSpPr>
        <p:spPr>
          <a:xfrm>
            <a:off x="19999227" y="19859879"/>
            <a:ext cx="1104900" cy="52713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700">
                <a:solidFill>
                  <a:schemeClr val="dk2"/>
                </a:solidFill>
                <a:latin typeface="Calibri" panose="020F0502020204030204" pitchFamily="34" charset="0"/>
              </a:rPr>
              <a:t>1/31/2020 - 3/20/2020</a:t>
            </a:r>
          </a:p>
        </p:txBody>
      </p:sp>
      <p:sp>
        <p:nvSpPr>
          <p:cNvPr id="5761" name="OTLSHAPE_T_2cc2eed1777a431dbe346759e7231a0e_Title">
            <a:extLst>
              <a:ext uri="{FF2B5EF4-FFF2-40B4-BE49-F238E27FC236}">
                <a16:creationId xmlns:a16="http://schemas.microsoft.com/office/drawing/2014/main" id="{F1479200-9075-4432-AC3E-0317EE4B1BB1}"/>
              </a:ext>
            </a:extLst>
          </p:cNvPr>
          <p:cNvSpPr txBox="1"/>
          <p:nvPr>
            <p:custDataLst>
              <p:tags r:id="rId417"/>
            </p:custDataLst>
          </p:nvPr>
        </p:nvSpPr>
        <p:spPr>
          <a:xfrm>
            <a:off x="127000" y="20038188"/>
            <a:ext cx="1524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100" b="1" spc="-2">
                <a:solidFill>
                  <a:schemeClr val="dk1"/>
                </a:solidFill>
                <a:latin typeface="Calibri" panose="020F0502020204030204" pitchFamily="34" charset="0"/>
              </a:rPr>
              <a:t>Problembehandlung (Alle)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279582212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lJpZ2h0RW5kQ2Fwc1N0eWxlIjp7IiRpZCI6IjEzIiwiRm9udFNldHRpbmdzIjp7IiRpZCI6IjE0IiwiRm9udFNpemUiOjE4LCJGb250TmFtZSI6IkNhbGlicmkiLCJJc0JvbGQiOnRydWUsIklzSXRhbGljIjpmYWxzZSwiSXNVbmRlcmxpbmVkIjpmYWxzZSwiUGFyZW50U3R5bGUiOm51bGx9LCJBdXRvU2l6ZSI6MCwiRm9yZWdyb3VuZCI6eyIkaWQiOiIxNSIsIkNvbG9yIjp7IiRpZCI6IjE2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zgiLCJUb3AiOjAsIkxlZnQiOjAsIlJpZ2h0IjowLCJCb3R0b20iOjB9LCJQYWRkaW5nIjp7IiRpZCI6Ijc5IiwiVG9wIjowLCJMZWZ0IjowLCJSaWdodCI6MCwiQm90dG9tIjowfSwiQmFja2dyb3VuZCI6eyIkaWQiOiI4MCIsIkNvbG9yIjp7IiRyZWYiOiIyMCJ9fSwiSXNWaXNpYmxlIjp0cnVlLCJXaWR0aCI6MC4wLCJIZWlnaHQiOjAuMCwiQm9yZGVyU3R5bGUiOm51bGwsIlBhcmVudFN0eWxlIjpudWxsfSwiRGF0ZUZvcm1hdCI6eyIkaWQiOiI4MSIsIkZvcm1hdFN0cmluZyI6Ik0vZC95eXl5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RlZmF1bHRUYXNrU3R5bGUiOnsiJGlkIjoiODIiLCJTaGFwZSI6MCwiU2hhcGVUaGlja25lc3MiOjEsIkR1cmF0aW9uRm9ybWF0IjowLCJJbmNsdWRlTm9uV29ya2luZ0RheXNJbkR1cmF0aW9uIjpmYWxzZSwiUGVyY2VudGFnZUNvbXBsZXRlU3R5bGUiOnsiJGlkIjoiODMiLCJGb250U2V0dGluZ3MiOnsiJGlkIjoiODQiLCJGb250U2l6ZSI6MTAsIkZvbnROYW1lIjoiQ2FsaWJyaSIsIklzQm9sZCI6ZmFsc2UsIklzSXRhbGljIjpmYWxzZSwiSXNVbmRlcmxpbmVkIjpmYWxzZSwiUGFyZW50U3R5bGUiOm51bGx9LCJBdXRvU2l6ZSI6MCwiRm9yZWdyb3VuZCI6eyIkaWQiOiI4NSIsIkNvbG9yIjp7IiRpZCI6Ijg2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MjIiLCJUb3AiOjAsIkxlZnQiOjAsIlJpZ2h0IjowLCJCb3R0b20iOjB9LCJQYWRkaW5nIjp7IiRpZCI6IjEyMyIsIlRvcCI6MCwiTGVmdCI6MCwiUmlnaHQiOjAsIkJvdHRvbSI6MH0sIkJhY2tncm91bmQiOnsiJGlkIjoiMTI0IiwiQ29sb3IiOnsiJHJlZiI6IjIwIn19LCJJc1Zpc2libGUiOnRydWUsIldpZHRoIjowLjAsIkhlaWdodCI6MC4wLCJCb3JkZXJTdHlsZSI6bnVsbCwiUGFyZW50U3R5bGUiOm51bGx9LCJEYXRlRm9ybWF0Ijp7IiRpZCI6IjEyNSIsIkZvcm1hdFN0cmluZyI6Ik0vZC95eXl5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CwiX2V4cGxpY2l0bHlTZXQiOnsiJGlkIjoiMTI2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item1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/>
</p:properties>
</file>

<file path=customXml/item2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3.xml><?xml version="1.0" encoding="utf-8"?>
<ct:contentTypeSchema xmlns:ct="http://schemas.microsoft.com/office/2006/metadata/contentType" xmlns:ma="http://schemas.microsoft.com/office/2006/metadata/properties/metaAttributes" ct:_="" ma:_="" ma:contentTypeName="Dokument" ma:contentTypeID="0x0101007A40DFE03B78A842B1326CE45EBDC483" ma:contentTypeVersion="8" ma:contentTypeDescription="Ein neues Dokument erstellen." ma:contentTypeScope="" ma:versionID="f3b19381cf1e48f22f53961203e1ce1a">
  <xsd:schema xmlns:xsd="http://www.w3.org/2001/XMLSchema" xmlns:xs="http://www.w3.org/2001/XMLSchema" xmlns:p="http://schemas.microsoft.com/office/2006/metadata/properties" xmlns:ns3="ab59df8a-0121-48f8-97e8-cd69f8816520" targetNamespace="http://schemas.microsoft.com/office/2006/metadata/properties" ma:root="true" ma:fieldsID="6b4b1e5212237edc29292acb5bc51482" ns3:_="">
    <xsd:import namespace="ab59df8a-0121-48f8-97e8-cd69f8816520"/>
    <xsd:element name="properties">
      <xsd:complexType>
        <xsd:sequence>
          <xsd:element name="documentManagement">
            <xsd:complexType>
              <xsd:all>
                <xsd:element ref="ns3:MediaServiceMetadata" minOccurs="0"/>
                <xsd:element ref="ns3:MediaServiceFastMetadata" minOccurs="0"/>
                <xsd:element ref="ns3:MediaServiceDateTaken" minOccurs="0"/>
                <xsd:element ref="ns3:MediaServiceAutoTags" minOccurs="0"/>
                <xsd:element ref="ns3:MediaServiceOCR" minOccurs="0"/>
                <xsd:element ref="ns3:MediaServiceLocation" minOccurs="0"/>
                <xsd:element ref="ns3:MediaServiceGenerationTime" minOccurs="0"/>
                <xsd:element ref="ns3:MediaServiceEventHashCode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ab59df8a-0121-48f8-97e8-cd69f8816520" elementFormDefault="qualified">
    <xsd:import namespace="http://schemas.microsoft.com/office/2006/documentManagement/types"/>
    <xsd:import namespace="http://schemas.microsoft.com/office/infopath/2007/PartnerControls"/>
    <xsd:element name="MediaServiceMetadata" ma:index="8" nillable="true" ma:displayName="MediaServiceMetadata" ma:description="" ma:hidden="true" ma:internalName="MediaServiceMetadata" ma:readOnly="true">
      <xsd:simpleType>
        <xsd:restriction base="dms:Note"/>
      </xsd:simpleType>
    </xsd:element>
    <xsd:element name="MediaServiceFastMetadata" ma:index="9" nillable="true" ma:displayName="MediaServiceFastMetadata" ma:description="" ma:hidden="true" ma:internalName="MediaServiceFastMetadata" ma:readOnly="true">
      <xsd:simpleType>
        <xsd:restriction base="dms:Note"/>
      </xsd:simpleType>
    </xsd:element>
    <xsd:element name="MediaServiceDateTaken" ma:index="10" nillable="true" ma:displayName="MediaServiceDateTaken" ma:description="" ma:hidden="true" ma:internalName="MediaServiceDateTaken" ma:readOnly="true">
      <xsd:simpleType>
        <xsd:restriction base="dms:Text"/>
      </xsd:simpleType>
    </xsd:element>
    <xsd:element name="MediaServiceAutoTags" ma:index="11" nillable="true" ma:displayName="MediaServiceAutoTags" ma:description="" ma:internalName="MediaServiceAutoTags" ma:readOnly="true">
      <xsd:simpleType>
        <xsd:restriction base="dms:Text"/>
      </xsd:simpleType>
    </xsd:element>
    <xsd:element name="MediaServiceOCR" ma:index="12" nillable="true" ma:displayName="MediaServiceOCR" ma:internalName="MediaServiceOCR" ma:readOnly="true">
      <xsd:simpleType>
        <xsd:restriction base="dms:Note">
          <xsd:maxLength value="255"/>
        </xsd:restriction>
      </xsd:simpleType>
    </xsd:element>
    <xsd:element name="MediaServiceLocation" ma:index="13" nillable="true" ma:displayName="MediaServiceLocation" ma:internalName="MediaServiceLocation" ma:readOnly="true">
      <xsd:simpleType>
        <xsd:restriction base="dms:Text"/>
      </xsd:simpleType>
    </xsd:element>
    <xsd:element name="MediaServiceGenerationTime" ma:index="14" nillable="true" ma:displayName="MediaServiceGenerationTime" ma:hidden="true" ma:internalName="MediaServiceGenerationTime" ma:readOnly="true">
      <xsd:simpleType>
        <xsd:restriction base="dms:Text"/>
      </xsd:simpleType>
    </xsd:element>
    <xsd:element name="MediaServiceEventHashCode" ma:index="15" nillable="true" ma:displayName="MediaServiceEventHashCode" ma:hidden="true" ma:internalName="MediaServiceEventHashCode" ma:readOnly="true">
      <xsd:simpleType>
        <xsd:restriction base="dms:Text"/>
      </xsd:simple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0" ma:displayName="Inhaltstyp"/>
        <xsd:element ref="dc:title" minOccurs="0" maxOccurs="1" ma:index="4" ma:displayName="Titel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Props1.xml><?xml version="1.0" encoding="utf-8"?>
<ds:datastoreItem xmlns:ds="http://schemas.openxmlformats.org/officeDocument/2006/customXml" ds:itemID="{FF61BA1C-4394-4119-983E-422D1073EDD6}">
  <ds:schemaRefs>
    <ds:schemaRef ds:uri="http://purl.org/dc/terms/"/>
    <ds:schemaRef ds:uri="http://schemas.openxmlformats.org/package/2006/metadata/core-properties"/>
    <ds:schemaRef ds:uri="http://purl.org/dc/dcmitype/"/>
    <ds:schemaRef ds:uri="http://schemas.microsoft.com/office/2006/documentManagement/types"/>
    <ds:schemaRef ds:uri="http://purl.org/dc/elements/1.1/"/>
    <ds:schemaRef ds:uri="http://schemas.microsoft.com/office/2006/metadata/properties"/>
    <ds:schemaRef ds:uri="http://schemas.microsoft.com/office/infopath/2007/PartnerControls"/>
    <ds:schemaRef ds:uri="ab59df8a-0121-48f8-97e8-cd69f8816520"/>
    <ds:schemaRef ds:uri="http://www.w3.org/XML/1998/namespace"/>
  </ds:schemaRefs>
</ds:datastoreItem>
</file>

<file path=customXml/itemProps2.xml><?xml version="1.0" encoding="utf-8"?>
<ds:datastoreItem xmlns:ds="http://schemas.openxmlformats.org/officeDocument/2006/customXml" ds:itemID="{1B47EB04-F07F-4D3D-9A1F-E9BCEE1CA640}">
  <ds:schemaRefs>
    <ds:schemaRef ds:uri="http://schemas.microsoft.com/sharepoint/v3/contenttype/forms"/>
  </ds:schemaRefs>
</ds:datastoreItem>
</file>

<file path=customXml/itemProps3.xml><?xml version="1.0" encoding="utf-8"?>
<ds:datastoreItem xmlns:ds="http://schemas.openxmlformats.org/officeDocument/2006/customXml" ds:itemID="{AB2FA600-E232-4DAC-A099-1B798330D280}">
  <ds:schemaRefs>
    <ds:schemaRef ds:uri="http://schemas.microsoft.com/office/2006/metadata/contentType"/>
    <ds:schemaRef ds:uri="http://schemas.microsoft.com/office/2006/metadata/properties/metaAttributes"/>
    <ds:schemaRef ds:uri="http://www.w3.org/2001/XMLSchema"/>
    <ds:schemaRef ds:uri="http://schemas.microsoft.com/office/2006/metadata/properties"/>
    <ds:schemaRef ds:uri="ab59df8a-0121-48f8-97e8-cd69f8816520"/>
    <ds:schemaRef ds:uri="http://schemas.microsoft.com/office/2006/documentManagement/types"/>
    <ds:schemaRef ds:uri="http://schemas.microsoft.com/office/infopath/2007/PartnerControls"/>
    <ds:schemaRef ds:uri="http://schemas.openxmlformats.org/package/2006/metadata/core-properties"/>
    <ds:schemaRef ds:uri="http://purl.org/dc/elements/1.1/"/>
    <ds:schemaRef ds:uri="http://purl.org/dc/terms/"/>
    <ds:schemaRef ds:uri="http://schemas.microsoft.com/internal/obd"/>
  </ds:schemaRefs>
</ds:datastoreItem>
</file>

<file path=docProps/app.xml><?xml version="1.0" encoding="utf-8"?>
<Properties xmlns="http://schemas.openxmlformats.org/officeDocument/2006/extended-properties" xmlns:vt="http://schemas.openxmlformats.org/officeDocument/2006/docPropsVTypes">
  <Template>Office Theme</Template>
  <TotalTime>0</TotalTime>
  <Words>452</Words>
  <Application>Microsoft Office PowerPoint</Application>
  <PresentationFormat>Benutzerdefiniert</PresentationFormat>
  <Paragraphs>147</Paragraphs>
  <Slides>1</Slides>
  <Notes>0</Notes>
  <HiddenSlides>0</HiddenSlides>
  <MMClips>0</MMClips>
  <ScaleCrop>false</ScaleCrop>
  <HeadingPairs>
    <vt:vector size="6" baseType="variant">
      <vt:variant>
        <vt:lpstr>Verwendete Schriftarten</vt:lpstr>
      </vt:variant>
      <vt:variant>
        <vt:i4>3</vt:i4>
      </vt:variant>
      <vt:variant>
        <vt:lpstr>Design</vt:lpstr>
      </vt:variant>
      <vt:variant>
        <vt:i4>1</vt:i4>
      </vt:variant>
      <vt:variant>
        <vt:lpstr>Folientitel</vt:lpstr>
      </vt:variant>
      <vt:variant>
        <vt:i4>1</vt:i4>
      </vt:variant>
    </vt:vector>
  </HeadingPairs>
  <TitlesOfParts>
    <vt:vector size="5" baseType="lpstr">
      <vt:lpstr>Arial</vt:lpstr>
      <vt:lpstr>Calibri</vt:lpstr>
      <vt:lpstr>Calibri Light</vt:lpstr>
      <vt:lpstr>Office</vt:lpstr>
      <vt:lpstr>PowerPoint-Prä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-Präsentation</dc:title>
  <dc:creator>Manuel Lidauer</dc:creator>
  <cp:lastModifiedBy>Manuel Lidauer</cp:lastModifiedBy>
  <cp:revision>15</cp:revision>
  <dcterms:created xsi:type="dcterms:W3CDTF">2019-09-26T08:30:15Z</dcterms:created>
  <dcterms:modified xsi:type="dcterms:W3CDTF">2019-12-23T13:18:31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ContentTypeId">
    <vt:lpwstr>0x0101007A40DFE03B78A842B1326CE45EBDC483</vt:lpwstr>
  </property>
</Properties>
</file>